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6_測定計画データ調製\6_データ補填（ジオキサン、ノニルLAS）\"/>
    </mc:Choice>
  </mc:AlternateContent>
  <bookViews>
    <workbookView xWindow="0" yWindow="0" windowWidth="15585" windowHeight="9330" tabRatio="718"/>
  </bookViews>
  <sheets>
    <sheet name="多摩川原橋" sheetId="2" r:id="rId1"/>
    <sheet name="多摩水道橋" sheetId="1" r:id="rId2"/>
    <sheet name="二子橋（第三京浜）" sheetId="3" r:id="rId3"/>
    <sheet name="田園調布取水堰（上）" sheetId="4" r:id="rId4"/>
    <sheet name="六郷橋" sheetId="5" r:id="rId5"/>
    <sheet name="大師橋" sheetId="6" r:id="rId6"/>
    <sheet name="一の橋" sheetId="7" r:id="rId7"/>
    <sheet name="堰前橋" sheetId="8" r:id="rId8"/>
    <sheet name="平瀬橋（人道橋）" sheetId="9" r:id="rId9"/>
  </sheets>
  <calcPr calcId="0"/>
</workbook>
</file>

<file path=xl/sharedStrings.xml><?xml version="1.0" encoding="utf-8"?>
<sst xmlns="http://schemas.openxmlformats.org/spreadsheetml/2006/main" count="4582" uniqueCount="676">
  <si>
    <t>水域名称</t>
  </si>
  <si>
    <t>地点名称</t>
  </si>
  <si>
    <t>類型名称</t>
  </si>
  <si>
    <t>測定機関名称</t>
  </si>
  <si>
    <t>測定項目</t>
  </si>
  <si>
    <t>採取時刻</t>
  </si>
  <si>
    <t>採取位置</t>
  </si>
  <si>
    <t>天候</t>
  </si>
  <si>
    <t>前日天候</t>
  </si>
  <si>
    <t>気温</t>
  </si>
  <si>
    <t>水温</t>
  </si>
  <si>
    <t>流速</t>
  </si>
  <si>
    <t>流量</t>
  </si>
  <si>
    <t>採取水深</t>
  </si>
  <si>
    <t>全水深</t>
  </si>
  <si>
    <t>透視度</t>
  </si>
  <si>
    <t>透明度</t>
  </si>
  <si>
    <t>流況</t>
  </si>
  <si>
    <t>色相</t>
  </si>
  <si>
    <t>臭気</t>
  </si>
  <si>
    <t>ｐＨ</t>
  </si>
  <si>
    <t>ＢＯＤ</t>
  </si>
  <si>
    <t>ＣＯＤ</t>
  </si>
  <si>
    <t>ＳＳ</t>
  </si>
  <si>
    <t>m3/s</t>
  </si>
  <si>
    <t>㎎/L</t>
  </si>
  <si>
    <t>2018/04/11</t>
  </si>
  <si>
    <t>曇り</t>
  </si>
  <si>
    <t>18.8</t>
  </si>
  <si>
    <t>18.3</t>
  </si>
  <si>
    <t>17.37</t>
  </si>
  <si>
    <t>0.25</t>
  </si>
  <si>
    <t>1.25</t>
  </si>
  <si>
    <t>&gt;100</t>
  </si>
  <si>
    <t>灰緑色・淡（明）</t>
  </si>
  <si>
    <t>7.5</t>
  </si>
  <si>
    <t>1.3</t>
  </si>
  <si>
    <t>4.4</t>
  </si>
  <si>
    <t>2</t>
  </si>
  <si>
    <t>18.5</t>
  </si>
  <si>
    <t>0.26</t>
  </si>
  <si>
    <t>灰黄色・淡（明）</t>
  </si>
  <si>
    <t>7.4</t>
  </si>
  <si>
    <t>1</t>
  </si>
  <si>
    <t>2018/05/16</t>
  </si>
  <si>
    <t>晴れ</t>
  </si>
  <si>
    <t>23</t>
  </si>
  <si>
    <t>20</t>
  </si>
  <si>
    <t>30.68</t>
  </si>
  <si>
    <t>0.21</t>
  </si>
  <si>
    <t>1.05</t>
  </si>
  <si>
    <t>1.1</t>
  </si>
  <si>
    <t>3.2</t>
  </si>
  <si>
    <t>22.2</t>
  </si>
  <si>
    <t>22.7</t>
  </si>
  <si>
    <t>1.2</t>
  </si>
  <si>
    <t>2018/06/06</t>
  </si>
  <si>
    <t>雨</t>
  </si>
  <si>
    <t>21.5</t>
  </si>
  <si>
    <t>23.1</t>
  </si>
  <si>
    <t>15.44</t>
  </si>
  <si>
    <t>0.14</t>
  </si>
  <si>
    <t>0.7</t>
  </si>
  <si>
    <t>4.7</t>
  </si>
  <si>
    <t>&lt;1</t>
  </si>
  <si>
    <t>1.03</t>
  </si>
  <si>
    <t>29</t>
  </si>
  <si>
    <t>7.3</t>
  </si>
  <si>
    <t>1.5</t>
  </si>
  <si>
    <t>7</t>
  </si>
  <si>
    <t>2018/07/04</t>
  </si>
  <si>
    <t>26.6</t>
  </si>
  <si>
    <t>24.6</t>
  </si>
  <si>
    <t>15</t>
  </si>
  <si>
    <t>0.17</t>
  </si>
  <si>
    <t>0.85</t>
  </si>
  <si>
    <t>4.5</t>
  </si>
  <si>
    <t>26.1</t>
  </si>
  <si>
    <t>25.5</t>
  </si>
  <si>
    <t>7.8</t>
  </si>
  <si>
    <t>2018/08/20</t>
  </si>
  <si>
    <t>23.2</t>
  </si>
  <si>
    <t>22</t>
  </si>
  <si>
    <t>35.18</t>
  </si>
  <si>
    <t>0.15</t>
  </si>
  <si>
    <t>0.76</t>
  </si>
  <si>
    <t>7.7</t>
  </si>
  <si>
    <t>0.5</t>
  </si>
  <si>
    <t>2.7</t>
  </si>
  <si>
    <t>25.2</t>
  </si>
  <si>
    <t>23.9</t>
  </si>
  <si>
    <t>0.18</t>
  </si>
  <si>
    <t>0.9</t>
  </si>
  <si>
    <t>川藻臭（微）</t>
  </si>
  <si>
    <t>7.9</t>
  </si>
  <si>
    <t>2018/09/20</t>
  </si>
  <si>
    <t>21.2</t>
  </si>
  <si>
    <t>22.8</t>
  </si>
  <si>
    <t>27.66</t>
  </si>
  <si>
    <t>0.13</t>
  </si>
  <si>
    <t>0.64</t>
  </si>
  <si>
    <t>3.4</t>
  </si>
  <si>
    <t>18</t>
  </si>
  <si>
    <t>21.9</t>
  </si>
  <si>
    <t>0.2</t>
  </si>
  <si>
    <t>55</t>
  </si>
  <si>
    <t>1.6</t>
  </si>
  <si>
    <t>2018/10/17</t>
  </si>
  <si>
    <t>16.3</t>
  </si>
  <si>
    <t>19</t>
  </si>
  <si>
    <t>30.73</t>
  </si>
  <si>
    <t>0.16</t>
  </si>
  <si>
    <t>0.78</t>
  </si>
  <si>
    <t>2.9</t>
  </si>
  <si>
    <t>3</t>
  </si>
  <si>
    <t>19.3</t>
  </si>
  <si>
    <t>20.1</t>
  </si>
  <si>
    <t>2018/11/14</t>
  </si>
  <si>
    <t>13.1</t>
  </si>
  <si>
    <t>17.3</t>
  </si>
  <si>
    <t>10.85</t>
  </si>
  <si>
    <t>0.73</t>
  </si>
  <si>
    <t>7.6</t>
  </si>
  <si>
    <t>0.6</t>
  </si>
  <si>
    <t>3.8</t>
  </si>
  <si>
    <t>14.2</t>
  </si>
  <si>
    <t>0.71</t>
  </si>
  <si>
    <t>2018/12/05</t>
  </si>
  <si>
    <t>17.5</t>
  </si>
  <si>
    <t>18.4</t>
  </si>
  <si>
    <t>12.66</t>
  </si>
  <si>
    <t>0.67</t>
  </si>
  <si>
    <t>4.2</t>
  </si>
  <si>
    <t>14.6</t>
  </si>
  <si>
    <t>17.7</t>
  </si>
  <si>
    <t>0.79</t>
  </si>
  <si>
    <t>2019/01/09</t>
  </si>
  <si>
    <t>4.1</t>
  </si>
  <si>
    <t>10.1</t>
  </si>
  <si>
    <t>10.17</t>
  </si>
  <si>
    <t>0.11</t>
  </si>
  <si>
    <t>0.56</t>
  </si>
  <si>
    <t>5.4</t>
  </si>
  <si>
    <t>4.8</t>
  </si>
  <si>
    <t>11.6</t>
  </si>
  <si>
    <t>0.12</t>
  </si>
  <si>
    <t>0.58</t>
  </si>
  <si>
    <t>2019/02/15</t>
  </si>
  <si>
    <t>10</t>
  </si>
  <si>
    <t>10.13</t>
  </si>
  <si>
    <t>7.1</t>
  </si>
  <si>
    <t>12.1</t>
  </si>
  <si>
    <t>0.69</t>
  </si>
  <si>
    <t>2019/03/06</t>
  </si>
  <si>
    <t>8.7</t>
  </si>
  <si>
    <t>13.4</t>
  </si>
  <si>
    <t>15.79</t>
  </si>
  <si>
    <t>0.63</t>
  </si>
  <si>
    <t>5</t>
  </si>
  <si>
    <t>0.72</t>
  </si>
  <si>
    <t>1.7</t>
  </si>
  <si>
    <t>16.5</t>
  </si>
  <si>
    <t>17</t>
  </si>
  <si>
    <t>11.27</t>
  </si>
  <si>
    <t>0.87</t>
  </si>
  <si>
    <t>1.4</t>
  </si>
  <si>
    <t>4</t>
  </si>
  <si>
    <t>27.8</t>
  </si>
  <si>
    <t>22.3</t>
  </si>
  <si>
    <t>21.23</t>
  </si>
  <si>
    <t>0.82</t>
  </si>
  <si>
    <t>11.78</t>
  </si>
  <si>
    <t>3.7</t>
  </si>
  <si>
    <t>29.2</t>
  </si>
  <si>
    <t>25.4</t>
  </si>
  <si>
    <t>13.99</t>
  </si>
  <si>
    <t>0.75</t>
  </si>
  <si>
    <t>25</t>
  </si>
  <si>
    <t>23.5</t>
  </si>
  <si>
    <t>20.18</t>
  </si>
  <si>
    <t>0.8</t>
  </si>
  <si>
    <t>2.6</t>
  </si>
  <si>
    <t>22.9</t>
  </si>
  <si>
    <t>14.86</t>
  </si>
  <si>
    <t>24.34</t>
  </si>
  <si>
    <t>0.92</t>
  </si>
  <si>
    <t>14</t>
  </si>
  <si>
    <t>16.2</t>
  </si>
  <si>
    <t>13.26</t>
  </si>
  <si>
    <t>0.86</t>
  </si>
  <si>
    <t>16.7</t>
  </si>
  <si>
    <t>17.9</t>
  </si>
  <si>
    <t>11.15</t>
  </si>
  <si>
    <t>3.9</t>
  </si>
  <si>
    <t>5.6</t>
  </si>
  <si>
    <t>10.9</t>
  </si>
  <si>
    <t>12.42</t>
  </si>
  <si>
    <t>4.6</t>
  </si>
  <si>
    <t>1.9</t>
  </si>
  <si>
    <t>8.9</t>
  </si>
  <si>
    <t>8.8</t>
  </si>
  <si>
    <t>9.4</t>
  </si>
  <si>
    <t>19.21</t>
  </si>
  <si>
    <t>15.3</t>
  </si>
  <si>
    <t>15.8</t>
  </si>
  <si>
    <t>15.27</t>
  </si>
  <si>
    <t>0.89</t>
  </si>
  <si>
    <t>3.3</t>
  </si>
  <si>
    <t>27.1</t>
  </si>
  <si>
    <t>23.8</t>
  </si>
  <si>
    <t>32.17</t>
  </si>
  <si>
    <t>21</t>
  </si>
  <si>
    <t>13.84</t>
  </si>
  <si>
    <t>0.98</t>
  </si>
  <si>
    <t>28.9</t>
  </si>
  <si>
    <t>26.3</t>
  </si>
  <si>
    <t>14.49</t>
  </si>
  <si>
    <t>8.2</t>
  </si>
  <si>
    <t>24.3</t>
  </si>
  <si>
    <t>33.52</t>
  </si>
  <si>
    <t>0.22</t>
  </si>
  <si>
    <t>23.4</t>
  </si>
  <si>
    <t>25.48</t>
  </si>
  <si>
    <t>0.19</t>
  </si>
  <si>
    <t>0.94</t>
  </si>
  <si>
    <t>20.9</t>
  </si>
  <si>
    <t>30.64</t>
  </si>
  <si>
    <t>0.23</t>
  </si>
  <si>
    <t>1.13</t>
  </si>
  <si>
    <t>2.5</t>
  </si>
  <si>
    <t>17.4</t>
  </si>
  <si>
    <t>14.42</t>
  </si>
  <si>
    <t>1.01</t>
  </si>
  <si>
    <t>3.1</t>
  </si>
  <si>
    <t>18.1</t>
  </si>
  <si>
    <t>11.06</t>
  </si>
  <si>
    <t>3.5</t>
  </si>
  <si>
    <t>11.2</t>
  </si>
  <si>
    <t>11.41</t>
  </si>
  <si>
    <t>0.77</t>
  </si>
  <si>
    <t>10.4</t>
  </si>
  <si>
    <t>0.97</t>
  </si>
  <si>
    <t>8</t>
  </si>
  <si>
    <t>13</t>
  </si>
  <si>
    <t>14.7</t>
  </si>
  <si>
    <t>15.96</t>
  </si>
  <si>
    <t>16.4</t>
  </si>
  <si>
    <t>9.87</t>
  </si>
  <si>
    <t>0.49</t>
  </si>
  <si>
    <t>2.49</t>
  </si>
  <si>
    <t>9.84</t>
  </si>
  <si>
    <t>0.55</t>
  </si>
  <si>
    <t>2.76</t>
  </si>
  <si>
    <t>8.5</t>
  </si>
  <si>
    <t>25.6</t>
  </si>
  <si>
    <t>44.06</t>
  </si>
  <si>
    <t>0.34</t>
  </si>
  <si>
    <t>1.72</t>
  </si>
  <si>
    <t>21.8</t>
  </si>
  <si>
    <t>44.52</t>
  </si>
  <si>
    <t>0.32</t>
  </si>
  <si>
    <t>1.65</t>
  </si>
  <si>
    <t>26.58</t>
  </si>
  <si>
    <t>0.05</t>
  </si>
  <si>
    <t>0.27</t>
  </si>
  <si>
    <t>18.7</t>
  </si>
  <si>
    <t>21.7</t>
  </si>
  <si>
    <t>34.94</t>
  </si>
  <si>
    <t>0.09</t>
  </si>
  <si>
    <t>0.44</t>
  </si>
  <si>
    <t>28.4</t>
  </si>
  <si>
    <t>25.9</t>
  </si>
  <si>
    <t>14.68</t>
  </si>
  <si>
    <t>0.57</t>
  </si>
  <si>
    <t>2.85</t>
  </si>
  <si>
    <t>26</t>
  </si>
  <si>
    <t>2.86</t>
  </si>
  <si>
    <t>15.03</t>
  </si>
  <si>
    <t>26.39</t>
  </si>
  <si>
    <t>0.59</t>
  </si>
  <si>
    <t>2.96</t>
  </si>
  <si>
    <t>0.4</t>
  </si>
  <si>
    <t>23.6</t>
  </si>
  <si>
    <t>14.71</t>
  </si>
  <si>
    <t>33.01</t>
  </si>
  <si>
    <t>3.02</t>
  </si>
  <si>
    <t>89</t>
  </si>
  <si>
    <t>灰色・淡（明）</t>
  </si>
  <si>
    <t>6</t>
  </si>
  <si>
    <t>17.2</t>
  </si>
  <si>
    <t>19.2</t>
  </si>
  <si>
    <t>0.65</t>
  </si>
  <si>
    <t>2.4</t>
  </si>
  <si>
    <t>17.8</t>
  </si>
  <si>
    <t>15.9</t>
  </si>
  <si>
    <t>29.24</t>
  </si>
  <si>
    <t>15.2</t>
  </si>
  <si>
    <t>0.54</t>
  </si>
  <si>
    <t>16</t>
  </si>
  <si>
    <t>8.4</t>
  </si>
  <si>
    <t>6.6</t>
  </si>
  <si>
    <t>2.89</t>
  </si>
  <si>
    <t>無臭</t>
  </si>
  <si>
    <t>9.6</t>
  </si>
  <si>
    <t>2.8</t>
  </si>
  <si>
    <t>8.3</t>
  </si>
  <si>
    <t>6.4</t>
  </si>
  <si>
    <t>2.68</t>
  </si>
  <si>
    <t>4.9</t>
  </si>
  <si>
    <t>9.2</t>
  </si>
  <si>
    <t>2.81</t>
  </si>
  <si>
    <t>8.1</t>
  </si>
  <si>
    <t>10.6</t>
  </si>
  <si>
    <t>2.78</t>
  </si>
  <si>
    <t>1.8</t>
  </si>
  <si>
    <t>4.3</t>
  </si>
  <si>
    <t>12.6</t>
  </si>
  <si>
    <t>14.4</t>
  </si>
  <si>
    <t>2.82</t>
  </si>
  <si>
    <t>1.43</t>
  </si>
  <si>
    <t>7.15</t>
  </si>
  <si>
    <t>69.2</t>
  </si>
  <si>
    <t>5.1</t>
  </si>
  <si>
    <t>27.2</t>
  </si>
  <si>
    <t>1.26</t>
  </si>
  <si>
    <t>6.3</t>
  </si>
  <si>
    <t>92.5</t>
  </si>
  <si>
    <t>2.3</t>
  </si>
  <si>
    <t>24.1</t>
  </si>
  <si>
    <t>28.7</t>
  </si>
  <si>
    <t>28.3</t>
  </si>
  <si>
    <t>1.47</t>
  </si>
  <si>
    <t>7.35</t>
  </si>
  <si>
    <t>45</t>
  </si>
  <si>
    <t>6.1</t>
  </si>
  <si>
    <t>26.9</t>
  </si>
  <si>
    <t>24.5</t>
  </si>
  <si>
    <t>1.36</t>
  </si>
  <si>
    <t>6.78</t>
  </si>
  <si>
    <t>24</t>
  </si>
  <si>
    <t>1.35</t>
  </si>
  <si>
    <t>6.77</t>
  </si>
  <si>
    <t>1.34</t>
  </si>
  <si>
    <t>6.71</t>
  </si>
  <si>
    <t>6.8</t>
  </si>
  <si>
    <t>84</t>
  </si>
  <si>
    <t>1.32</t>
  </si>
  <si>
    <t>6.59</t>
  </si>
  <si>
    <t>9.7</t>
  </si>
  <si>
    <t>1.39</t>
  </si>
  <si>
    <t>6.95</t>
  </si>
  <si>
    <t>5.7</t>
  </si>
  <si>
    <t>1.46</t>
  </si>
  <si>
    <t>11</t>
  </si>
  <si>
    <t>13.2</t>
  </si>
  <si>
    <t>1.58</t>
  </si>
  <si>
    <t>7.92</t>
  </si>
  <si>
    <t>66</t>
  </si>
  <si>
    <t>5.3</t>
  </si>
  <si>
    <t>58.5</t>
  </si>
  <si>
    <t>9</t>
  </si>
  <si>
    <t>17.6</t>
  </si>
  <si>
    <t>52</t>
  </si>
  <si>
    <t>0.37</t>
  </si>
  <si>
    <t>1.85</t>
  </si>
  <si>
    <t>56</t>
  </si>
  <si>
    <t>67.5</t>
  </si>
  <si>
    <t>21.6</t>
  </si>
  <si>
    <t>1.18</t>
  </si>
  <si>
    <t>57.5</t>
  </si>
  <si>
    <t>19.8</t>
  </si>
  <si>
    <t>0.88</t>
  </si>
  <si>
    <t>3.6</t>
  </si>
  <si>
    <t>31.2</t>
  </si>
  <si>
    <t>28.2</t>
  </si>
  <si>
    <t>0.33</t>
  </si>
  <si>
    <t>26.5</t>
  </si>
  <si>
    <t>26.8</t>
  </si>
  <si>
    <t>26.4</t>
  </si>
  <si>
    <t>43.5</t>
  </si>
  <si>
    <t>24.9</t>
  </si>
  <si>
    <t>24.2</t>
  </si>
  <si>
    <t>25.7</t>
  </si>
  <si>
    <t>24.7</t>
  </si>
  <si>
    <t>0.31</t>
  </si>
  <si>
    <t>1.56</t>
  </si>
  <si>
    <t>0.24</t>
  </si>
  <si>
    <t>57</t>
  </si>
  <si>
    <t>0.95</t>
  </si>
  <si>
    <t>96</t>
  </si>
  <si>
    <t>18.2</t>
  </si>
  <si>
    <t>75</t>
  </si>
  <si>
    <t>18.6</t>
  </si>
  <si>
    <t>14.3</t>
  </si>
  <si>
    <t>15.4</t>
  </si>
  <si>
    <t>95</t>
  </si>
  <si>
    <t>14.9</t>
  </si>
  <si>
    <t>3.45</t>
  </si>
  <si>
    <t>3.16</t>
  </si>
  <si>
    <t>13.8</t>
  </si>
  <si>
    <t>16.1</t>
  </si>
  <si>
    <t>47</t>
  </si>
  <si>
    <t>12</t>
  </si>
  <si>
    <t>9.9</t>
  </si>
  <si>
    <t>92</t>
  </si>
  <si>
    <t>0.61</t>
  </si>
  <si>
    <t>3.05</t>
  </si>
  <si>
    <t>2.2</t>
  </si>
  <si>
    <t>6.7</t>
  </si>
  <si>
    <t>0.62</t>
  </si>
  <si>
    <t>82</t>
  </si>
  <si>
    <t>5.2</t>
  </si>
  <si>
    <t>12.7</t>
  </si>
  <si>
    <t>2.91</t>
  </si>
  <si>
    <t>41</t>
  </si>
  <si>
    <t>13.3</t>
  </si>
  <si>
    <t>51</t>
  </si>
  <si>
    <t>降雨なし</t>
  </si>
  <si>
    <t>15.1</t>
  </si>
  <si>
    <t>0.51</t>
  </si>
  <si>
    <t>0</t>
  </si>
  <si>
    <t>0.1</t>
  </si>
  <si>
    <t>通常の状況</t>
  </si>
  <si>
    <t>無色</t>
  </si>
  <si>
    <t>1.0</t>
  </si>
  <si>
    <t>19.4</t>
  </si>
  <si>
    <t>16.6</t>
  </si>
  <si>
    <t>0.52</t>
  </si>
  <si>
    <t>0.50</t>
  </si>
  <si>
    <t>快晴</t>
  </si>
  <si>
    <t>19.6</t>
  </si>
  <si>
    <t>1.44</t>
  </si>
  <si>
    <t>2018/06/14</t>
  </si>
  <si>
    <t>22.4</t>
  </si>
  <si>
    <t>0.80</t>
  </si>
  <si>
    <t>下水臭（微）</t>
  </si>
  <si>
    <t>27.9</t>
  </si>
  <si>
    <t>1.33</t>
  </si>
  <si>
    <t>1.42</t>
  </si>
  <si>
    <t>2018/08/16</t>
  </si>
  <si>
    <t>30.2</t>
  </si>
  <si>
    <t>1.50</t>
  </si>
  <si>
    <t>85</t>
  </si>
  <si>
    <t>4.0</t>
  </si>
  <si>
    <t>29.4</t>
  </si>
  <si>
    <t>24.0</t>
  </si>
  <si>
    <t>0.91</t>
  </si>
  <si>
    <t>1.54</t>
  </si>
  <si>
    <t>21.4</t>
  </si>
  <si>
    <t>1.30</t>
  </si>
  <si>
    <t>2018/10/10</t>
  </si>
  <si>
    <t>22.5</t>
  </si>
  <si>
    <t>0.83</t>
  </si>
  <si>
    <t>1.23</t>
  </si>
  <si>
    <t>20.3</t>
  </si>
  <si>
    <t>16.8</t>
  </si>
  <si>
    <t>1.24</t>
  </si>
  <si>
    <t>16.0</t>
  </si>
  <si>
    <t>2018/12/20</t>
  </si>
  <si>
    <t>1.20</t>
  </si>
  <si>
    <t>12.2</t>
  </si>
  <si>
    <t>3.0</t>
  </si>
  <si>
    <t>9.8</t>
  </si>
  <si>
    <t>5.5</t>
  </si>
  <si>
    <t>1.17</t>
  </si>
  <si>
    <t>2019/02/13</t>
  </si>
  <si>
    <t>10.3</t>
  </si>
  <si>
    <t>0.70</t>
  </si>
  <si>
    <t>0.90</t>
  </si>
  <si>
    <t>11.1</t>
  </si>
  <si>
    <t>14.1</t>
  </si>
  <si>
    <t>13.6</t>
  </si>
  <si>
    <t>0.66</t>
  </si>
  <si>
    <t>0.02</t>
  </si>
  <si>
    <t>0.60</t>
  </si>
  <si>
    <t>緑色・濃（暗）</t>
  </si>
  <si>
    <t>9.1</t>
  </si>
  <si>
    <t>19.1</t>
  </si>
  <si>
    <t>25.0</t>
  </si>
  <si>
    <t>20.4</t>
  </si>
  <si>
    <t>0.03</t>
  </si>
  <si>
    <t>0.84</t>
  </si>
  <si>
    <t>灰黄緑色・濃（暗）</t>
  </si>
  <si>
    <t>21.0</t>
  </si>
  <si>
    <t>カビ臭（微）</t>
  </si>
  <si>
    <t>27.4</t>
  </si>
  <si>
    <t>9.3</t>
  </si>
  <si>
    <t>27.6</t>
  </si>
  <si>
    <t>27.7</t>
  </si>
  <si>
    <t>9.5</t>
  </si>
  <si>
    <t>31.8</t>
  </si>
  <si>
    <t>29.1</t>
  </si>
  <si>
    <t>9.0</t>
  </si>
  <si>
    <t>2.1</t>
  </si>
  <si>
    <t>8.6</t>
  </si>
  <si>
    <t>5.0</t>
  </si>
  <si>
    <t>0.81</t>
  </si>
  <si>
    <t>0.35</t>
  </si>
  <si>
    <t>1.00</t>
  </si>
  <si>
    <t>8.0</t>
  </si>
  <si>
    <t>11.8</t>
  </si>
  <si>
    <t>13.5</t>
  </si>
  <si>
    <t>18.0</t>
  </si>
  <si>
    <t>0.20</t>
  </si>
  <si>
    <t>0.47</t>
  </si>
  <si>
    <t>0.45</t>
  </si>
  <si>
    <t>0.28</t>
  </si>
  <si>
    <t>1.16</t>
  </si>
  <si>
    <t>1.10</t>
  </si>
  <si>
    <t>20.5</t>
  </si>
  <si>
    <t>0.53</t>
  </si>
  <si>
    <t>30.7</t>
  </si>
  <si>
    <t>27.3</t>
  </si>
  <si>
    <t>25.1</t>
  </si>
  <si>
    <t>32.0</t>
  </si>
  <si>
    <t>0.3</t>
  </si>
  <si>
    <t>29.0</t>
  </si>
  <si>
    <t>23.0</t>
  </si>
  <si>
    <t>21.3</t>
  </si>
  <si>
    <t>洗剤臭（微）</t>
  </si>
  <si>
    <t>20.7</t>
  </si>
  <si>
    <t>0.08</t>
  </si>
  <si>
    <t>0.30</t>
  </si>
  <si>
    <t>2.0</t>
  </si>
  <si>
    <t>0.42</t>
  </si>
  <si>
    <t>13.7</t>
  </si>
  <si>
    <t>15.7</t>
  </si>
  <si>
    <t>15.0</t>
  </si>
  <si>
    <t>0.39</t>
  </si>
  <si>
    <t>0.07</t>
  </si>
  <si>
    <t>0.0</t>
  </si>
  <si>
    <t>10.7</t>
  </si>
  <si>
    <t>11.3</t>
  </si>
  <si>
    <t>12.9</t>
  </si>
  <si>
    <t>11.9</t>
  </si>
  <si>
    <t>0.46</t>
  </si>
  <si>
    <t>大腸菌群数</t>
  </si>
  <si>
    <t>全窒素</t>
  </si>
  <si>
    <t>全りん</t>
  </si>
  <si>
    <t>全亜鉛</t>
  </si>
  <si>
    <t>カドミウム</t>
  </si>
  <si>
    <t>全シアン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，2-ジクロロエタン</t>
  </si>
  <si>
    <t>1，1-ジクロロエチレン</t>
  </si>
  <si>
    <t>ｼｽ1，2-ジクロロエチレン</t>
  </si>
  <si>
    <t>1，1，2-トリクロロエタン</t>
  </si>
  <si>
    <t>トリクロロエチレン</t>
  </si>
  <si>
    <t>テトラクロロエチレン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亜硝酸性窒素</t>
  </si>
  <si>
    <t>硝酸性窒素</t>
  </si>
  <si>
    <t>亜硝酸性窒素及び硝酸性窒素</t>
  </si>
  <si>
    <t>フェノール類</t>
  </si>
  <si>
    <t>溶解性マンガン</t>
  </si>
  <si>
    <t>クロム</t>
  </si>
  <si>
    <t>ＥＰＮ</t>
  </si>
  <si>
    <t>ニッケル</t>
  </si>
  <si>
    <t>アンモニア性窒素</t>
  </si>
  <si>
    <t>りん酸態りん</t>
  </si>
  <si>
    <t>電気伝導率</t>
  </si>
  <si>
    <t>塩化物イオン</t>
  </si>
  <si>
    <t>塩分</t>
  </si>
  <si>
    <t>陰イオン界面活性剤</t>
  </si>
  <si>
    <t>非イオン界面活性剤</t>
  </si>
  <si>
    <t>クロロフィルａ</t>
  </si>
  <si>
    <t>トリハロメタン生成能</t>
  </si>
  <si>
    <t>クロロホルム生成能</t>
  </si>
  <si>
    <t>ブロモジクロロメタン生成能</t>
  </si>
  <si>
    <t>ジブロモクロロメタン生成能</t>
  </si>
  <si>
    <t>ブロモホルム生成能</t>
  </si>
  <si>
    <t>多摩川</t>
  </si>
  <si>
    <t>河川B</t>
  </si>
  <si>
    <t>国土交通省</t>
  </si>
  <si>
    <t>ＤＯ</t>
  </si>
  <si>
    <t>単位</t>
  </si>
  <si>
    <t>時：分</t>
  </si>
  <si>
    <t>℃</t>
  </si>
  <si>
    <t>m/s</t>
  </si>
  <si>
    <t>ｍ</t>
  </si>
  <si>
    <t>㎝</t>
  </si>
  <si>
    <t>流心（中央）</t>
  </si>
  <si>
    <t>左岸</t>
  </si>
  <si>
    <t>多摩川(三沢川)</t>
  </si>
  <si>
    <t>一の橋(14-036-01)</t>
  </si>
  <si>
    <t>河川C</t>
  </si>
  <si>
    <t>川崎市</t>
  </si>
  <si>
    <t>0mm以上5mm未満</t>
  </si>
  <si>
    <t>多摩川(二ケ領本川)</t>
  </si>
  <si>
    <t>多摩川(平瀬川)</t>
  </si>
  <si>
    <t>平瀬橋（人道橋）(14-038-01)</t>
  </si>
  <si>
    <t>ｎ-ヘキサン抽出物質</t>
  </si>
  <si>
    <t>鉛</t>
  </si>
  <si>
    <t>MPN/100mL</t>
  </si>
  <si>
    <t>&lt;0.0003</t>
  </si>
  <si>
    <t>&lt;0.01</t>
  </si>
  <si>
    <t>&lt;0.001</t>
  </si>
  <si>
    <t>&lt;0.005</t>
  </si>
  <si>
    <t>&lt;0.0002</t>
  </si>
  <si>
    <t>&lt;0.5</t>
  </si>
  <si>
    <t>&lt;0.02</t>
  </si>
  <si>
    <t>&lt;0.0005</t>
  </si>
  <si>
    <t>&lt;0.0001</t>
  </si>
  <si>
    <t>1，3-ジクロロプロペン</t>
  </si>
  <si>
    <t>銅</t>
  </si>
  <si>
    <t>溶解性鉄</t>
  </si>
  <si>
    <t>&lt;0.0006</t>
  </si>
  <si>
    <t>&lt;0.004</t>
  </si>
  <si>
    <t>&lt;0.002</t>
  </si>
  <si>
    <t>&lt;0.08</t>
  </si>
  <si>
    <t>有機りん</t>
  </si>
  <si>
    <t>mS/m</t>
  </si>
  <si>
    <t>‰</t>
  </si>
  <si>
    <t>&lt;0.04</t>
  </si>
  <si>
    <t>&lt;0.008</t>
  </si>
  <si>
    <t>&lt;0.03</t>
  </si>
  <si>
    <t>1，1，1-トリクロロエタン</t>
  </si>
  <si>
    <t>μg/L</t>
  </si>
  <si>
    <t>多摩川原橋(14-001-01)</t>
    <phoneticPr fontId="18"/>
  </si>
  <si>
    <t>多摩水道橋(14-001-51)</t>
    <phoneticPr fontId="18"/>
  </si>
  <si>
    <t>二子橋（第三京浜）(14-001-52)</t>
    <phoneticPr fontId="18"/>
  </si>
  <si>
    <t>田園調布取水堰（上）(14-001-02)</t>
    <phoneticPr fontId="18"/>
  </si>
  <si>
    <t>六郷橋(14-001-53)</t>
    <phoneticPr fontId="18"/>
  </si>
  <si>
    <t>大師橋(14-001-03)</t>
    <phoneticPr fontId="18"/>
  </si>
  <si>
    <t>堰前橋(14-037-01)</t>
    <phoneticPr fontId="18"/>
  </si>
  <si>
    <t>ノニルフェノール</t>
    <phoneticPr fontId="18"/>
  </si>
  <si>
    <t>ノニルフェノール</t>
    <phoneticPr fontId="18"/>
  </si>
  <si>
    <t>ノニルフェノール</t>
    <phoneticPr fontId="18"/>
  </si>
  <si>
    <t>1,4-ジオキサン</t>
    <phoneticPr fontId="18"/>
  </si>
  <si>
    <t>1,4-ジオキサン</t>
    <phoneticPr fontId="18"/>
  </si>
  <si>
    <t>LAS</t>
    <phoneticPr fontId="18"/>
  </si>
  <si>
    <t>LAS</t>
    <phoneticPr fontId="18"/>
  </si>
  <si>
    <t>&lt;0.00006</t>
  </si>
  <si>
    <t>0.0016</t>
  </si>
  <si>
    <t/>
  </si>
  <si>
    <t>0.0010</t>
  </si>
  <si>
    <t>0.0008</t>
  </si>
  <si>
    <t>0.0019</t>
  </si>
  <si>
    <t>0.0011</t>
  </si>
  <si>
    <t>0.0052</t>
  </si>
  <si>
    <t>0.010</t>
  </si>
  <si>
    <t>0.0086</t>
  </si>
  <si>
    <t>0.0018</t>
  </si>
  <si>
    <t>0.0067</t>
  </si>
  <si>
    <t>0.0043</t>
  </si>
  <si>
    <t>0.0049</t>
  </si>
  <si>
    <t>0.0032</t>
  </si>
  <si>
    <t>0.0026</t>
  </si>
  <si>
    <t>0.0024</t>
  </si>
  <si>
    <t>0.0014</t>
  </si>
  <si>
    <t>0.0062</t>
  </si>
  <si>
    <t>0.0042</t>
  </si>
  <si>
    <t>0.0048</t>
  </si>
  <si>
    <t>0.0031</t>
  </si>
  <si>
    <t>0.0068</t>
  </si>
  <si>
    <t>0.0056</t>
  </si>
  <si>
    <t>0.035</t>
  </si>
  <si>
    <t>0.0041</t>
  </si>
  <si>
    <t>0.0025</t>
  </si>
  <si>
    <t>0.0081</t>
  </si>
  <si>
    <t>0.0037</t>
  </si>
  <si>
    <t>0.0057</t>
  </si>
  <si>
    <t>0.0040</t>
  </si>
  <si>
    <t>0.0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">
    <xf numFmtId="0" fontId="0" fillId="0" borderId="0" xfId="0">
      <alignment vertical="center"/>
    </xf>
    <xf numFmtId="49" fontId="0" fillId="0" borderId="0" xfId="0" applyNumberFormat="1">
      <alignment vertical="center"/>
    </xf>
    <xf numFmtId="20" fontId="0" fillId="0" borderId="0" xfId="0" applyNumberFormat="1">
      <alignment vertical="center"/>
    </xf>
    <xf numFmtId="11" fontId="0" fillId="0" borderId="0" xfId="0" applyNumberForma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27"/>
  <sheetViews>
    <sheetView tabSelected="1"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0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3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7916666666666669</v>
      </c>
      <c r="C4" s="1" t="s">
        <v>593</v>
      </c>
      <c r="D4" s="1" t="s">
        <v>27</v>
      </c>
      <c r="F4" s="1" t="s">
        <v>28</v>
      </c>
      <c r="G4" s="1" t="s">
        <v>29</v>
      </c>
      <c r="I4" s="1" t="s">
        <v>30</v>
      </c>
      <c r="J4" s="1" t="s">
        <v>31</v>
      </c>
      <c r="K4" s="1" t="s">
        <v>32</v>
      </c>
      <c r="L4" s="1" t="s">
        <v>33</v>
      </c>
      <c r="O4" s="1" t="s">
        <v>34</v>
      </c>
      <c r="Q4" s="1" t="s">
        <v>35</v>
      </c>
      <c r="R4" s="1" t="s">
        <v>36</v>
      </c>
      <c r="S4" s="1" t="s">
        <v>37</v>
      </c>
      <c r="T4" s="1" t="s">
        <v>38</v>
      </c>
      <c r="U4" s="1">
        <v>9.1</v>
      </c>
      <c r="V4" s="1">
        <v>7000</v>
      </c>
      <c r="W4" s="1"/>
      <c r="X4" s="1">
        <v>5.6</v>
      </c>
      <c r="Y4" s="1">
        <v>0.52</v>
      </c>
      <c r="Z4" s="1">
        <v>2.5000000000000001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4.2000000000000003E-2</v>
      </c>
      <c r="BC4" s="1">
        <v>5.2</v>
      </c>
      <c r="BD4" s="1">
        <v>5.2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45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93402777777777779</v>
      </c>
      <c r="C5" s="1" t="s">
        <v>593</v>
      </c>
      <c r="D5" s="1" t="s">
        <v>27</v>
      </c>
      <c r="F5" s="1" t="s">
        <v>39</v>
      </c>
      <c r="G5" s="1" t="s">
        <v>28</v>
      </c>
      <c r="J5" s="1" t="s">
        <v>40</v>
      </c>
      <c r="K5" s="1" t="s">
        <v>36</v>
      </c>
      <c r="L5" s="1" t="s">
        <v>33</v>
      </c>
      <c r="O5" s="1" t="s">
        <v>41</v>
      </c>
      <c r="Q5" s="1" t="s">
        <v>42</v>
      </c>
      <c r="R5" s="1" t="s">
        <v>43</v>
      </c>
      <c r="T5" s="1" t="s">
        <v>38</v>
      </c>
      <c r="U5" s="1">
        <v>7.4</v>
      </c>
      <c r="V5" s="1"/>
      <c r="W5" s="1"/>
      <c r="X5" s="1">
        <v>6.1</v>
      </c>
      <c r="Y5" s="1">
        <v>0.54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2986111111111111</v>
      </c>
      <c r="C6" s="1" t="s">
        <v>593</v>
      </c>
      <c r="D6" s="1" t="s">
        <v>45</v>
      </c>
      <c r="F6" s="1" t="s">
        <v>46</v>
      </c>
      <c r="G6" s="1" t="s">
        <v>47</v>
      </c>
      <c r="I6" s="1" t="s">
        <v>48</v>
      </c>
      <c r="J6" s="1" t="s">
        <v>49</v>
      </c>
      <c r="K6" s="1" t="s">
        <v>50</v>
      </c>
      <c r="L6" s="1" t="s">
        <v>33</v>
      </c>
      <c r="O6" s="1" t="s">
        <v>34</v>
      </c>
      <c r="Q6" s="1" t="s">
        <v>35</v>
      </c>
      <c r="R6" s="1" t="s">
        <v>51</v>
      </c>
      <c r="S6" s="1" t="s">
        <v>52</v>
      </c>
      <c r="T6" s="1" t="s">
        <v>43</v>
      </c>
      <c r="U6" s="1">
        <v>8.1999999999999993</v>
      </c>
      <c r="V6" s="1">
        <v>4900</v>
      </c>
      <c r="W6" s="1"/>
      <c r="X6" s="1">
        <v>4.8</v>
      </c>
      <c r="Y6" s="1">
        <v>0.36</v>
      </c>
      <c r="Z6" s="1">
        <v>1.2E-2</v>
      </c>
      <c r="AA6" s="1" t="s">
        <v>644</v>
      </c>
      <c r="AB6" s="1" t="s">
        <v>645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5</v>
      </c>
      <c r="BC6" s="1">
        <v>3</v>
      </c>
      <c r="BD6" s="1">
        <v>3</v>
      </c>
      <c r="BE6" s="1"/>
      <c r="BF6" s="1"/>
      <c r="BG6" s="1"/>
      <c r="BH6" s="1"/>
      <c r="BI6" s="1"/>
      <c r="BJ6" s="1"/>
      <c r="BK6" s="1"/>
      <c r="BL6" s="1"/>
      <c r="BM6" s="1">
        <v>0.1</v>
      </c>
      <c r="BN6" s="1">
        <v>0.32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79861111111111116</v>
      </c>
      <c r="C7" s="1" t="s">
        <v>593</v>
      </c>
      <c r="D7" s="1" t="s">
        <v>27</v>
      </c>
      <c r="F7" s="1" t="s">
        <v>53</v>
      </c>
      <c r="G7" s="1" t="s">
        <v>54</v>
      </c>
      <c r="J7" s="1" t="s">
        <v>49</v>
      </c>
      <c r="K7" s="1" t="s">
        <v>50</v>
      </c>
      <c r="L7" s="1" t="s">
        <v>33</v>
      </c>
      <c r="O7" s="1" t="s">
        <v>34</v>
      </c>
      <c r="Q7" s="1" t="s">
        <v>35</v>
      </c>
      <c r="R7" s="1" t="s">
        <v>55</v>
      </c>
      <c r="T7" s="1" t="s">
        <v>43</v>
      </c>
      <c r="U7" s="1">
        <v>7.2</v>
      </c>
      <c r="V7" s="1"/>
      <c r="W7" s="1"/>
      <c r="X7" s="1">
        <v>4.5999999999999996</v>
      </c>
      <c r="Y7" s="1">
        <v>0.39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6</v>
      </c>
      <c r="B8" s="2">
        <v>0.30208333333333331</v>
      </c>
      <c r="C8" s="1" t="s">
        <v>593</v>
      </c>
      <c r="D8" s="1" t="s">
        <v>57</v>
      </c>
      <c r="F8" s="1" t="s">
        <v>58</v>
      </c>
      <c r="G8" s="1" t="s">
        <v>59</v>
      </c>
      <c r="I8" s="1" t="s">
        <v>60</v>
      </c>
      <c r="J8" s="1" t="s">
        <v>61</v>
      </c>
      <c r="K8" s="1" t="s">
        <v>62</v>
      </c>
      <c r="L8" s="1" t="s">
        <v>33</v>
      </c>
      <c r="O8" s="1" t="s">
        <v>34</v>
      </c>
      <c r="Q8" s="1" t="s">
        <v>42</v>
      </c>
      <c r="R8" s="1" t="s">
        <v>36</v>
      </c>
      <c r="S8" s="1" t="s">
        <v>63</v>
      </c>
      <c r="T8" s="1" t="s">
        <v>64</v>
      </c>
      <c r="U8" s="1">
        <v>6.7</v>
      </c>
      <c r="V8" s="1">
        <v>23000</v>
      </c>
      <c r="W8" s="1"/>
      <c r="X8" s="1">
        <v>6</v>
      </c>
      <c r="Y8" s="1">
        <v>0.52</v>
      </c>
      <c r="Z8" s="1">
        <v>1.9E-2</v>
      </c>
      <c r="AA8" s="1" t="s">
        <v>646</v>
      </c>
      <c r="AB8" s="1" t="s">
        <v>64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9.5000000000000001E-2</v>
      </c>
      <c r="BC8" s="1">
        <v>4.4000000000000004</v>
      </c>
      <c r="BD8" s="1">
        <v>4.4000000000000004</v>
      </c>
      <c r="BE8" s="1"/>
      <c r="BF8" s="1"/>
      <c r="BG8" s="1"/>
      <c r="BH8" s="1"/>
      <c r="BI8" s="1"/>
      <c r="BJ8" s="1"/>
      <c r="BK8" s="1"/>
      <c r="BL8" s="1"/>
      <c r="BM8" s="1">
        <v>0.16</v>
      </c>
      <c r="BN8" s="1">
        <v>0.4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1597222222222221</v>
      </c>
      <c r="C9" s="1" t="s">
        <v>593</v>
      </c>
      <c r="D9" s="1" t="s">
        <v>57</v>
      </c>
      <c r="F9" s="1" t="s">
        <v>47</v>
      </c>
      <c r="G9" s="1" t="s">
        <v>54</v>
      </c>
      <c r="J9" s="1" t="s">
        <v>49</v>
      </c>
      <c r="K9" s="1" t="s">
        <v>65</v>
      </c>
      <c r="L9" s="1" t="s">
        <v>66</v>
      </c>
      <c r="O9" s="1" t="s">
        <v>41</v>
      </c>
      <c r="Q9" s="1" t="s">
        <v>67</v>
      </c>
      <c r="R9" s="1" t="s">
        <v>68</v>
      </c>
      <c r="T9" s="1" t="s">
        <v>69</v>
      </c>
      <c r="U9" s="1">
        <v>5.9</v>
      </c>
      <c r="V9" s="1"/>
      <c r="W9" s="1"/>
      <c r="X9" s="1">
        <v>7.8</v>
      </c>
      <c r="Y9" s="1">
        <v>0.71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2986111111111111</v>
      </c>
      <c r="C10" s="1" t="s">
        <v>593</v>
      </c>
      <c r="D10" s="1" t="s">
        <v>27</v>
      </c>
      <c r="F10" s="1" t="s">
        <v>71</v>
      </c>
      <c r="G10" s="1" t="s">
        <v>72</v>
      </c>
      <c r="I10" s="1" t="s">
        <v>73</v>
      </c>
      <c r="J10" s="1" t="s">
        <v>74</v>
      </c>
      <c r="K10" s="1" t="s">
        <v>75</v>
      </c>
      <c r="L10" s="1" t="s">
        <v>33</v>
      </c>
      <c r="O10" s="1" t="s">
        <v>34</v>
      </c>
      <c r="Q10" s="1" t="s">
        <v>35</v>
      </c>
      <c r="R10" s="1" t="s">
        <v>55</v>
      </c>
      <c r="S10" s="1" t="s">
        <v>76</v>
      </c>
      <c r="T10" s="1" t="s">
        <v>38</v>
      </c>
      <c r="U10" s="1">
        <v>6.5</v>
      </c>
      <c r="V10" s="1">
        <v>17000</v>
      </c>
      <c r="W10" s="1"/>
      <c r="X10" s="1">
        <v>5.4</v>
      </c>
      <c r="Y10" s="1">
        <v>0.33</v>
      </c>
      <c r="Z10" s="1">
        <v>1.7000000000000001E-2</v>
      </c>
      <c r="AA10" s="1" t="s">
        <v>646</v>
      </c>
      <c r="AB10" s="1" t="s">
        <v>64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5.3999999999999999E-2</v>
      </c>
      <c r="BC10" s="1">
        <v>3.6</v>
      </c>
      <c r="BD10" s="1">
        <v>3.6</v>
      </c>
      <c r="BE10" s="1"/>
      <c r="BF10" s="1"/>
      <c r="BG10" s="1"/>
      <c r="BH10" s="1"/>
      <c r="BI10" s="1"/>
      <c r="BJ10" s="1"/>
      <c r="BK10" s="1"/>
      <c r="BL10" s="1"/>
      <c r="BM10" s="1">
        <v>0.03</v>
      </c>
      <c r="BN10" s="1">
        <v>0.28000000000000003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0555555555555547</v>
      </c>
      <c r="C11" s="1" t="s">
        <v>593</v>
      </c>
      <c r="D11" s="1" t="s">
        <v>27</v>
      </c>
      <c r="F11" s="1" t="s">
        <v>77</v>
      </c>
      <c r="G11" s="1" t="s">
        <v>78</v>
      </c>
      <c r="J11" s="1" t="s">
        <v>74</v>
      </c>
      <c r="K11" s="1" t="s">
        <v>75</v>
      </c>
      <c r="L11" s="1" t="s">
        <v>33</v>
      </c>
      <c r="O11" s="1" t="s">
        <v>34</v>
      </c>
      <c r="Q11" s="1" t="s">
        <v>79</v>
      </c>
      <c r="R11" s="1" t="s">
        <v>55</v>
      </c>
      <c r="T11" s="1" t="s">
        <v>43</v>
      </c>
      <c r="U11" s="1">
        <v>6.7</v>
      </c>
      <c r="V11" s="1"/>
      <c r="W11" s="1"/>
      <c r="X11" s="1">
        <v>4.5</v>
      </c>
      <c r="Y11" s="1">
        <v>0.41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0</v>
      </c>
      <c r="B12" s="2">
        <v>0.2986111111111111</v>
      </c>
      <c r="C12" s="1" t="s">
        <v>593</v>
      </c>
      <c r="D12" s="1" t="s">
        <v>27</v>
      </c>
      <c r="F12" s="1" t="s">
        <v>81</v>
      </c>
      <c r="G12" s="1" t="s">
        <v>82</v>
      </c>
      <c r="I12" s="1" t="s">
        <v>83</v>
      </c>
      <c r="J12" s="1" t="s">
        <v>84</v>
      </c>
      <c r="K12" s="1" t="s">
        <v>85</v>
      </c>
      <c r="L12" s="1" t="s">
        <v>33</v>
      </c>
      <c r="O12" s="1" t="s">
        <v>34</v>
      </c>
      <c r="Q12" s="1" t="s">
        <v>86</v>
      </c>
      <c r="R12" s="1" t="s">
        <v>87</v>
      </c>
      <c r="S12" s="1" t="s">
        <v>88</v>
      </c>
      <c r="T12" s="1" t="s">
        <v>43</v>
      </c>
      <c r="U12" s="1">
        <v>8.1</v>
      </c>
      <c r="V12" s="1">
        <v>94000</v>
      </c>
      <c r="W12" s="1"/>
      <c r="X12" s="1">
        <v>2.8</v>
      </c>
      <c r="Y12" s="1">
        <v>0.22</v>
      </c>
      <c r="Z12" s="1">
        <v>0.01</v>
      </c>
      <c r="AA12" s="1" t="s">
        <v>644</v>
      </c>
      <c r="AB12" s="1" t="s">
        <v>618</v>
      </c>
      <c r="AC12" s="1" t="s">
        <v>606</v>
      </c>
      <c r="AD12" s="1" t="s">
        <v>607</v>
      </c>
      <c r="AE12" s="1" t="s">
        <v>608</v>
      </c>
      <c r="AF12" s="1" t="s">
        <v>609</v>
      </c>
      <c r="AG12" s="1" t="s">
        <v>608</v>
      </c>
      <c r="AH12" s="1" t="s">
        <v>606</v>
      </c>
      <c r="AI12" s="1"/>
      <c r="AJ12" s="1" t="s">
        <v>606</v>
      </c>
      <c r="AK12" s="1" t="s">
        <v>610</v>
      </c>
      <c r="AL12" s="1" t="s">
        <v>610</v>
      </c>
      <c r="AM12" s="1" t="s">
        <v>610</v>
      </c>
      <c r="AN12" s="1" t="s">
        <v>610</v>
      </c>
      <c r="AO12" s="1" t="s">
        <v>610</v>
      </c>
      <c r="AP12" t="s">
        <v>610</v>
      </c>
      <c r="AQ12" s="1" t="s">
        <v>610</v>
      </c>
      <c r="AR12" s="1" t="s">
        <v>610</v>
      </c>
      <c r="AS12" s="1" t="s">
        <v>610</v>
      </c>
      <c r="AT12" s="1" t="s">
        <v>610</v>
      </c>
      <c r="AU12" s="1" t="s">
        <v>618</v>
      </c>
      <c r="AV12" s="1" t="s">
        <v>606</v>
      </c>
      <c r="AW12" s="1" t="s">
        <v>606</v>
      </c>
      <c r="AX12" s="1" t="s">
        <v>610</v>
      </c>
      <c r="AY12" s="1" t="s">
        <v>608</v>
      </c>
      <c r="AZ12" s="1">
        <v>7.0000000000000007E-2</v>
      </c>
      <c r="BA12" s="1" t="s">
        <v>612</v>
      </c>
      <c r="BB12" s="1">
        <v>3.6999999999999998E-2</v>
      </c>
      <c r="BC12" s="1">
        <v>2.2999999999999998</v>
      </c>
      <c r="BD12" s="1">
        <v>2.2999999999999998</v>
      </c>
      <c r="BE12" s="1" t="s">
        <v>609</v>
      </c>
      <c r="BF12" s="1" t="s">
        <v>609</v>
      </c>
      <c r="BG12" s="1" t="s">
        <v>619</v>
      </c>
      <c r="BH12" s="1" t="s">
        <v>612</v>
      </c>
      <c r="BI12" s="1" t="s">
        <v>612</v>
      </c>
      <c r="BJ12" s="1" t="s">
        <v>609</v>
      </c>
      <c r="BK12" s="1" t="s">
        <v>618</v>
      </c>
      <c r="BL12" s="1" t="s">
        <v>608</v>
      </c>
      <c r="BM12" s="1">
        <v>0.06</v>
      </c>
      <c r="BN12" s="1">
        <v>0.18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4027777777777779</v>
      </c>
      <c r="C13" s="1" t="s">
        <v>593</v>
      </c>
      <c r="D13" s="1" t="s">
        <v>27</v>
      </c>
      <c r="F13" s="1" t="s">
        <v>89</v>
      </c>
      <c r="G13" s="1" t="s">
        <v>90</v>
      </c>
      <c r="J13" s="1" t="s">
        <v>91</v>
      </c>
      <c r="K13" s="1" t="s">
        <v>92</v>
      </c>
      <c r="L13" s="1" t="s">
        <v>33</v>
      </c>
      <c r="O13" s="1" t="s">
        <v>34</v>
      </c>
      <c r="P13" s="1" t="s">
        <v>93</v>
      </c>
      <c r="Q13" s="1" t="s">
        <v>94</v>
      </c>
      <c r="R13" s="1" t="s">
        <v>87</v>
      </c>
      <c r="T13" s="1" t="s">
        <v>38</v>
      </c>
      <c r="U13" s="1">
        <v>7.1</v>
      </c>
      <c r="V13" s="1"/>
      <c r="W13" s="1"/>
      <c r="X13" s="1">
        <v>2.1</v>
      </c>
      <c r="Y13" s="1">
        <v>0.2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2951388888888889</v>
      </c>
      <c r="C14" s="1" t="s">
        <v>593</v>
      </c>
      <c r="D14" s="1" t="s">
        <v>27</v>
      </c>
      <c r="F14" s="1" t="s">
        <v>96</v>
      </c>
      <c r="G14" s="1" t="s">
        <v>97</v>
      </c>
      <c r="I14" s="1" t="s">
        <v>98</v>
      </c>
      <c r="J14" s="1" t="s">
        <v>99</v>
      </c>
      <c r="K14" s="1" t="s">
        <v>100</v>
      </c>
      <c r="L14" s="1" t="s">
        <v>33</v>
      </c>
      <c r="O14" s="1" t="s">
        <v>34</v>
      </c>
      <c r="Q14" s="1" t="s">
        <v>86</v>
      </c>
      <c r="R14" s="1" t="s">
        <v>92</v>
      </c>
      <c r="S14" s="1" t="s">
        <v>101</v>
      </c>
      <c r="T14" s="1" t="s">
        <v>38</v>
      </c>
      <c r="U14" s="1">
        <v>7.2</v>
      </c>
      <c r="V14" s="1">
        <v>49000</v>
      </c>
      <c r="W14" s="1"/>
      <c r="X14" s="1">
        <v>4.5</v>
      </c>
      <c r="Y14" s="1">
        <v>0.33</v>
      </c>
      <c r="Z14" s="1">
        <v>1.6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2.7E-2</v>
      </c>
      <c r="BC14" s="1">
        <v>3.5</v>
      </c>
      <c r="BD14" s="1">
        <v>3.5</v>
      </c>
      <c r="BE14" s="1"/>
      <c r="BF14" s="1"/>
      <c r="BG14" s="1"/>
      <c r="BH14" s="1"/>
      <c r="BI14" s="1"/>
      <c r="BJ14" s="1"/>
      <c r="BK14" s="1"/>
      <c r="BL14" s="1"/>
      <c r="BM14" s="1">
        <v>0.05</v>
      </c>
      <c r="BN14" s="1">
        <v>0.3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79861111111111116</v>
      </c>
      <c r="C15" s="1" t="s">
        <v>593</v>
      </c>
      <c r="D15" s="1" t="s">
        <v>57</v>
      </c>
      <c r="F15" s="1" t="s">
        <v>102</v>
      </c>
      <c r="G15" s="1" t="s">
        <v>103</v>
      </c>
      <c r="J15" s="1" t="s">
        <v>104</v>
      </c>
      <c r="K15" s="1" t="s">
        <v>43</v>
      </c>
      <c r="L15" s="1" t="s">
        <v>105</v>
      </c>
      <c r="O15" s="1" t="s">
        <v>41</v>
      </c>
      <c r="Q15" s="1" t="s">
        <v>35</v>
      </c>
      <c r="R15" s="1" t="s">
        <v>106</v>
      </c>
      <c r="T15" s="1" t="s">
        <v>69</v>
      </c>
      <c r="U15" s="1">
        <v>7.2</v>
      </c>
      <c r="V15" s="1"/>
      <c r="W15" s="1"/>
      <c r="X15" s="1">
        <v>5.2</v>
      </c>
      <c r="Y15" s="1">
        <v>0.47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7</v>
      </c>
      <c r="B16" s="2">
        <v>0.2951388888888889</v>
      </c>
      <c r="C16" s="1" t="s">
        <v>593</v>
      </c>
      <c r="D16" s="1" t="s">
        <v>27</v>
      </c>
      <c r="F16" s="1" t="s">
        <v>108</v>
      </c>
      <c r="G16" s="1" t="s">
        <v>109</v>
      </c>
      <c r="I16" s="1" t="s">
        <v>110</v>
      </c>
      <c r="J16" s="1" t="s">
        <v>111</v>
      </c>
      <c r="K16" s="1" t="s">
        <v>112</v>
      </c>
      <c r="L16" s="1" t="s">
        <v>33</v>
      </c>
      <c r="O16" s="1" t="s">
        <v>34</v>
      </c>
      <c r="Q16" s="1" t="s">
        <v>86</v>
      </c>
      <c r="R16" s="1" t="s">
        <v>87</v>
      </c>
      <c r="S16" s="1" t="s">
        <v>113</v>
      </c>
      <c r="T16" s="1" t="s">
        <v>114</v>
      </c>
      <c r="U16" s="1">
        <v>8.1</v>
      </c>
      <c r="V16" s="1">
        <v>22000</v>
      </c>
      <c r="W16" s="1"/>
      <c r="X16" s="1">
        <v>4</v>
      </c>
      <c r="Y16" s="1">
        <v>0.36</v>
      </c>
      <c r="Z16" s="1">
        <v>1.4E-2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2.1000000000000001E-2</v>
      </c>
      <c r="BC16" s="1">
        <v>3.4</v>
      </c>
      <c r="BD16" s="1">
        <v>3.4</v>
      </c>
      <c r="BE16" s="1"/>
      <c r="BF16" s="1"/>
      <c r="BG16" s="1"/>
      <c r="BH16" s="1"/>
      <c r="BI16" s="1"/>
      <c r="BJ16" s="1"/>
      <c r="BK16" s="1"/>
      <c r="BL16" s="1"/>
      <c r="BM16" s="1">
        <v>0.03</v>
      </c>
      <c r="BN16" s="1">
        <v>0.34</v>
      </c>
      <c r="BO16" s="1"/>
      <c r="BP16" s="1"/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9861111111111116</v>
      </c>
      <c r="C17" s="1" t="s">
        <v>593</v>
      </c>
      <c r="D17" s="1" t="s">
        <v>27</v>
      </c>
      <c r="F17" s="1" t="s">
        <v>115</v>
      </c>
      <c r="G17" s="1" t="s">
        <v>116</v>
      </c>
      <c r="J17" s="1" t="s">
        <v>84</v>
      </c>
      <c r="K17" s="1" t="s">
        <v>85</v>
      </c>
      <c r="L17" s="1" t="s">
        <v>33</v>
      </c>
      <c r="O17" s="1" t="s">
        <v>34</v>
      </c>
      <c r="Q17" s="1" t="s">
        <v>79</v>
      </c>
      <c r="R17" s="1" t="s">
        <v>87</v>
      </c>
      <c r="T17" s="1" t="s">
        <v>38</v>
      </c>
      <c r="U17" s="1">
        <v>7.9</v>
      </c>
      <c r="V17" s="1"/>
      <c r="W17" s="1"/>
      <c r="X17" s="1">
        <v>3.3</v>
      </c>
      <c r="Y17" s="1">
        <v>0.33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30555555555555552</v>
      </c>
      <c r="C18" s="1" t="s">
        <v>593</v>
      </c>
      <c r="D18" s="1" t="s">
        <v>27</v>
      </c>
      <c r="F18" s="1" t="s">
        <v>118</v>
      </c>
      <c r="G18" s="1" t="s">
        <v>119</v>
      </c>
      <c r="I18" s="1" t="s">
        <v>120</v>
      </c>
      <c r="J18" s="1" t="s">
        <v>84</v>
      </c>
      <c r="K18" s="1" t="s">
        <v>121</v>
      </c>
      <c r="L18" s="1" t="s">
        <v>33</v>
      </c>
      <c r="O18" s="1" t="s">
        <v>34</v>
      </c>
      <c r="Q18" s="1" t="s">
        <v>122</v>
      </c>
      <c r="R18" s="1" t="s">
        <v>123</v>
      </c>
      <c r="S18" s="1" t="s">
        <v>124</v>
      </c>
      <c r="T18" s="1" t="s">
        <v>38</v>
      </c>
      <c r="U18" s="1">
        <v>7.7</v>
      </c>
      <c r="V18" s="1">
        <v>3300</v>
      </c>
      <c r="W18" s="1"/>
      <c r="X18" s="1">
        <v>5.5</v>
      </c>
      <c r="Y18" s="1">
        <v>0.48</v>
      </c>
      <c r="Z18" s="1">
        <v>1.2999999999999999E-2</v>
      </c>
      <c r="AA18" s="1" t="s">
        <v>644</v>
      </c>
      <c r="AB18" s="1" t="s">
        <v>61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3.3000000000000002E-2</v>
      </c>
      <c r="BC18" s="1">
        <v>4.3</v>
      </c>
      <c r="BD18" s="1">
        <v>4.3</v>
      </c>
      <c r="BE18" s="1"/>
      <c r="BF18" s="1"/>
      <c r="BG18" s="1"/>
      <c r="BH18" s="1"/>
      <c r="BI18" s="1"/>
      <c r="BJ18" s="1"/>
      <c r="BK18" s="1"/>
      <c r="BL18" s="1"/>
      <c r="BM18" s="1">
        <v>0.03</v>
      </c>
      <c r="BN18" s="1">
        <v>0.43</v>
      </c>
      <c r="BO18" s="1"/>
      <c r="BP18" s="1"/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9513888888888884</v>
      </c>
      <c r="C19" s="1" t="s">
        <v>593</v>
      </c>
      <c r="D19" s="1" t="s">
        <v>45</v>
      </c>
      <c r="F19" s="1" t="s">
        <v>125</v>
      </c>
      <c r="G19" s="1" t="s">
        <v>102</v>
      </c>
      <c r="J19" s="1" t="s">
        <v>61</v>
      </c>
      <c r="K19" s="1" t="s">
        <v>126</v>
      </c>
      <c r="L19" s="1" t="s">
        <v>33</v>
      </c>
      <c r="O19" s="1" t="s">
        <v>34</v>
      </c>
      <c r="Q19" s="1" t="s">
        <v>122</v>
      </c>
      <c r="R19" s="1" t="s">
        <v>92</v>
      </c>
      <c r="T19" s="1" t="s">
        <v>38</v>
      </c>
      <c r="U19" s="1">
        <v>7.4</v>
      </c>
      <c r="V19" s="1"/>
      <c r="W19" s="1"/>
      <c r="X19" s="1">
        <v>5.3</v>
      </c>
      <c r="Y19" s="1">
        <v>0.6</v>
      </c>
      <c r="Z19" s="1"/>
      <c r="AA19" s="1" t="s">
        <v>646</v>
      </c>
      <c r="AB19" s="1" t="s">
        <v>64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7</v>
      </c>
      <c r="B20" s="2">
        <v>0.30555555555555552</v>
      </c>
      <c r="C20" s="1" t="s">
        <v>593</v>
      </c>
      <c r="D20" s="1" t="s">
        <v>27</v>
      </c>
      <c r="F20" s="1" t="s">
        <v>128</v>
      </c>
      <c r="G20" s="1" t="s">
        <v>129</v>
      </c>
      <c r="I20" s="1" t="s">
        <v>130</v>
      </c>
      <c r="J20" s="1" t="s">
        <v>99</v>
      </c>
      <c r="K20" s="1" t="s">
        <v>131</v>
      </c>
      <c r="L20" s="1" t="s">
        <v>33</v>
      </c>
      <c r="O20" s="1" t="s">
        <v>34</v>
      </c>
      <c r="Q20" s="1" t="s">
        <v>35</v>
      </c>
      <c r="R20" s="1" t="s">
        <v>36</v>
      </c>
      <c r="S20" s="1" t="s">
        <v>132</v>
      </c>
      <c r="T20" s="1" t="s">
        <v>38</v>
      </c>
      <c r="U20" s="1">
        <v>7.4</v>
      </c>
      <c r="V20" s="1">
        <v>13000</v>
      </c>
      <c r="W20" s="1"/>
      <c r="X20" s="1">
        <v>6.5</v>
      </c>
      <c r="Y20" s="1">
        <v>0.51</v>
      </c>
      <c r="Z20" s="1">
        <v>1.9E-2</v>
      </c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1.7999999999999999E-2</v>
      </c>
      <c r="BC20" s="1">
        <v>5.4</v>
      </c>
      <c r="BD20" s="1">
        <v>5.4</v>
      </c>
      <c r="BE20" s="1"/>
      <c r="BF20" s="1"/>
      <c r="BG20" s="1"/>
      <c r="BH20" s="1"/>
      <c r="BI20" s="1"/>
      <c r="BJ20" s="1"/>
      <c r="BK20" s="1"/>
      <c r="BL20" s="1"/>
      <c r="BM20" s="1">
        <v>0.02</v>
      </c>
      <c r="BN20" s="1">
        <v>0.46</v>
      </c>
      <c r="BO20" s="1"/>
      <c r="BP20" s="1"/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77777777777777779</v>
      </c>
      <c r="C21" s="1" t="s">
        <v>593</v>
      </c>
      <c r="D21" s="1" t="s">
        <v>27</v>
      </c>
      <c r="F21" s="1" t="s">
        <v>133</v>
      </c>
      <c r="G21" s="1" t="s">
        <v>134</v>
      </c>
      <c r="J21" s="1" t="s">
        <v>111</v>
      </c>
      <c r="K21" s="1" t="s">
        <v>135</v>
      </c>
      <c r="L21" s="1" t="s">
        <v>33</v>
      </c>
      <c r="O21" s="1" t="s">
        <v>41</v>
      </c>
      <c r="Q21" s="1" t="s">
        <v>122</v>
      </c>
      <c r="R21" s="1" t="s">
        <v>36</v>
      </c>
      <c r="T21" s="1" t="s">
        <v>38</v>
      </c>
      <c r="U21" s="1">
        <v>7.6</v>
      </c>
      <c r="V21" s="1"/>
      <c r="W21" s="1"/>
      <c r="X21" s="1">
        <v>6.5</v>
      </c>
      <c r="Y21" s="1">
        <v>0.53</v>
      </c>
      <c r="Z21" s="1"/>
      <c r="AA21" s="1" t="s">
        <v>646</v>
      </c>
      <c r="AB21" s="1" t="s">
        <v>646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6</v>
      </c>
      <c r="B22" s="2">
        <v>0.2986111111111111</v>
      </c>
      <c r="C22" s="1" t="s">
        <v>593</v>
      </c>
      <c r="D22" s="1" t="s">
        <v>45</v>
      </c>
      <c r="F22" s="1" t="s">
        <v>137</v>
      </c>
      <c r="G22" s="1" t="s">
        <v>138</v>
      </c>
      <c r="I22" s="1" t="s">
        <v>139</v>
      </c>
      <c r="J22" s="1" t="s">
        <v>140</v>
      </c>
      <c r="K22" s="1" t="s">
        <v>141</v>
      </c>
      <c r="L22" s="1" t="s">
        <v>33</v>
      </c>
      <c r="O22" s="1" t="s">
        <v>34</v>
      </c>
      <c r="Q22" s="1" t="s">
        <v>67</v>
      </c>
      <c r="R22" s="1" t="s">
        <v>55</v>
      </c>
      <c r="S22" s="1" t="s">
        <v>142</v>
      </c>
      <c r="T22" s="1" t="s">
        <v>38</v>
      </c>
      <c r="U22" s="1">
        <v>9.1</v>
      </c>
      <c r="V22" s="1">
        <v>2300</v>
      </c>
      <c r="W22" s="1"/>
      <c r="X22" s="1">
        <v>6.7</v>
      </c>
      <c r="Y22" s="1">
        <v>0.47</v>
      </c>
      <c r="Z22" s="1">
        <v>1.7000000000000001E-2</v>
      </c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2.5999999999999999E-2</v>
      </c>
      <c r="BC22" s="1">
        <v>2.8</v>
      </c>
      <c r="BD22" s="1">
        <v>2.8</v>
      </c>
      <c r="BE22" s="1"/>
      <c r="BF22" s="1"/>
      <c r="BG22" s="1"/>
      <c r="BH22" s="1"/>
      <c r="BI22" s="1"/>
      <c r="BJ22" s="1"/>
      <c r="BK22" s="1"/>
      <c r="BL22" s="1"/>
      <c r="BM22" s="1">
        <v>0.01</v>
      </c>
      <c r="BN22" s="1">
        <v>0.43</v>
      </c>
      <c r="BO22" s="1"/>
      <c r="BP22" s="1"/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79861111111111116</v>
      </c>
      <c r="C23" s="1" t="s">
        <v>593</v>
      </c>
      <c r="D23" s="1" t="s">
        <v>45</v>
      </c>
      <c r="F23" s="1" t="s">
        <v>143</v>
      </c>
      <c r="G23" s="1" t="s">
        <v>144</v>
      </c>
      <c r="J23" s="1" t="s">
        <v>145</v>
      </c>
      <c r="K23" s="1" t="s">
        <v>146</v>
      </c>
      <c r="L23" s="1" t="s">
        <v>33</v>
      </c>
      <c r="O23" s="1" t="s">
        <v>34</v>
      </c>
      <c r="Q23" s="1" t="s">
        <v>42</v>
      </c>
      <c r="R23" s="1" t="s">
        <v>55</v>
      </c>
      <c r="T23" s="1" t="s">
        <v>38</v>
      </c>
      <c r="U23" s="1">
        <v>8.9</v>
      </c>
      <c r="V23" s="1"/>
      <c r="W23" s="1"/>
      <c r="X23" s="1">
        <v>6</v>
      </c>
      <c r="Y23" s="1">
        <v>0.43</v>
      </c>
      <c r="Z23" s="1"/>
      <c r="AA23" s="1" t="s">
        <v>646</v>
      </c>
      <c r="AB23" s="1" t="s">
        <v>64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7</v>
      </c>
      <c r="B24" s="2">
        <v>0.29166666666666669</v>
      </c>
      <c r="C24" s="1" t="s">
        <v>593</v>
      </c>
      <c r="D24" s="1" t="s">
        <v>27</v>
      </c>
      <c r="F24" s="1" t="s">
        <v>62</v>
      </c>
      <c r="G24" s="1" t="s">
        <v>148</v>
      </c>
      <c r="I24" s="1" t="s">
        <v>149</v>
      </c>
      <c r="J24" s="1" t="s">
        <v>140</v>
      </c>
      <c r="K24" s="1" t="s">
        <v>141</v>
      </c>
      <c r="L24" s="1" t="s">
        <v>33</v>
      </c>
      <c r="O24" s="1" t="s">
        <v>34</v>
      </c>
      <c r="Q24" s="1" t="s">
        <v>35</v>
      </c>
      <c r="R24" s="1" t="s">
        <v>38</v>
      </c>
      <c r="S24" s="1" t="s">
        <v>150</v>
      </c>
      <c r="T24" s="1" t="s">
        <v>38</v>
      </c>
      <c r="U24" s="1">
        <v>8.9</v>
      </c>
      <c r="V24" s="1">
        <v>13000</v>
      </c>
      <c r="W24" s="1"/>
      <c r="X24" s="1">
        <v>6.3</v>
      </c>
      <c r="Y24" s="1">
        <v>0.57999999999999996</v>
      </c>
      <c r="Z24" s="1">
        <v>2.3E-2</v>
      </c>
      <c r="AA24" s="1" t="s">
        <v>644</v>
      </c>
      <c r="AB24" s="1" t="s">
        <v>647</v>
      </c>
      <c r="AC24" s="1" t="s">
        <v>606</v>
      </c>
      <c r="AD24" s="1" t="s">
        <v>607</v>
      </c>
      <c r="AE24" s="1" t="s">
        <v>608</v>
      </c>
      <c r="AF24" s="1" t="s">
        <v>609</v>
      </c>
      <c r="AG24" s="1" t="s">
        <v>608</v>
      </c>
      <c r="AH24" s="1" t="s">
        <v>606</v>
      </c>
      <c r="AI24" s="1"/>
      <c r="AJ24" s="1"/>
      <c r="AK24" s="1" t="s">
        <v>610</v>
      </c>
      <c r="AL24" s="1" t="s">
        <v>610</v>
      </c>
      <c r="AM24" s="1" t="s">
        <v>610</v>
      </c>
      <c r="AN24" s="1" t="s">
        <v>610</v>
      </c>
      <c r="AO24" s="1" t="s">
        <v>610</v>
      </c>
      <c r="AP24" t="s">
        <v>610</v>
      </c>
      <c r="AQ24" s="1" t="s">
        <v>610</v>
      </c>
      <c r="AR24" s="1" t="s">
        <v>610</v>
      </c>
      <c r="AS24" s="1" t="s">
        <v>610</v>
      </c>
      <c r="AT24" s="1" t="s">
        <v>610</v>
      </c>
      <c r="AU24" s="1" t="s">
        <v>618</v>
      </c>
      <c r="AV24" s="1" t="s">
        <v>606</v>
      </c>
      <c r="AW24" s="1" t="s">
        <v>606</v>
      </c>
      <c r="AX24" s="1" t="s">
        <v>610</v>
      </c>
      <c r="AY24" s="1" t="s">
        <v>608</v>
      </c>
      <c r="AZ24" s="1">
        <v>0.09</v>
      </c>
      <c r="BA24" s="1">
        <v>0.06</v>
      </c>
      <c r="BB24" s="1">
        <v>7.0000000000000007E-2</v>
      </c>
      <c r="BC24" s="1">
        <v>5.3</v>
      </c>
      <c r="BD24" s="1">
        <v>5.3</v>
      </c>
      <c r="BE24" s="1" t="s">
        <v>609</v>
      </c>
      <c r="BF24" s="1" t="s">
        <v>609</v>
      </c>
      <c r="BG24" s="1">
        <v>4.0000000000000001E-3</v>
      </c>
      <c r="BH24" s="1">
        <v>0.02</v>
      </c>
      <c r="BI24" s="1" t="s">
        <v>612</v>
      </c>
      <c r="BJ24" s="1" t="s">
        <v>609</v>
      </c>
      <c r="BK24" s="1"/>
      <c r="BL24" s="1"/>
      <c r="BM24" s="1">
        <v>0.12</v>
      </c>
      <c r="BN24" s="1">
        <v>0.53</v>
      </c>
      <c r="BO24" s="1"/>
      <c r="BP24" s="1"/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1944444444444453</v>
      </c>
      <c r="C25" s="1" t="s">
        <v>593</v>
      </c>
      <c r="D25" s="1" t="s">
        <v>27</v>
      </c>
      <c r="F25" s="1" t="s">
        <v>132</v>
      </c>
      <c r="G25" s="1" t="s">
        <v>151</v>
      </c>
      <c r="J25" s="1" t="s">
        <v>61</v>
      </c>
      <c r="K25" s="1" t="s">
        <v>152</v>
      </c>
      <c r="L25" s="1" t="s">
        <v>33</v>
      </c>
      <c r="O25" s="1" t="s">
        <v>34</v>
      </c>
      <c r="Q25" s="1" t="s">
        <v>42</v>
      </c>
      <c r="R25" s="1" t="s">
        <v>106</v>
      </c>
      <c r="T25" s="1" t="s">
        <v>114</v>
      </c>
      <c r="U25" s="1">
        <v>8.8000000000000007</v>
      </c>
      <c r="V25" s="1"/>
      <c r="W25" s="1"/>
      <c r="X25" s="1">
        <v>5.8</v>
      </c>
      <c r="Y25" s="1">
        <v>0.54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2951388888888889</v>
      </c>
      <c r="C26" s="1" t="s">
        <v>593</v>
      </c>
      <c r="D26" s="1" t="s">
        <v>27</v>
      </c>
      <c r="F26" s="1" t="s">
        <v>154</v>
      </c>
      <c r="G26" s="1" t="s">
        <v>155</v>
      </c>
      <c r="I26" s="1" t="s">
        <v>156</v>
      </c>
      <c r="J26" s="1" t="s">
        <v>99</v>
      </c>
      <c r="K26" s="1" t="s">
        <v>157</v>
      </c>
      <c r="L26" s="1" t="s">
        <v>33</v>
      </c>
      <c r="O26" s="1" t="s">
        <v>41</v>
      </c>
      <c r="Q26" s="1" t="s">
        <v>42</v>
      </c>
      <c r="R26" s="1" t="s">
        <v>38</v>
      </c>
      <c r="S26" s="1" t="s">
        <v>158</v>
      </c>
      <c r="T26" s="1" t="s">
        <v>114</v>
      </c>
      <c r="U26" s="1">
        <v>8</v>
      </c>
      <c r="V26" s="1">
        <v>7900</v>
      </c>
      <c r="W26" s="1"/>
      <c r="X26" s="1">
        <v>6.1</v>
      </c>
      <c r="Y26" s="1">
        <v>0.64</v>
      </c>
      <c r="Z26" s="1">
        <v>2.1000000000000001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8.4000000000000005E-2</v>
      </c>
      <c r="BC26" s="1">
        <v>4</v>
      </c>
      <c r="BD26" s="1">
        <v>4</v>
      </c>
      <c r="BE26" s="1"/>
      <c r="BF26" s="1"/>
      <c r="BG26" s="1"/>
      <c r="BH26" s="1"/>
      <c r="BI26" s="1"/>
      <c r="BJ26" s="1"/>
      <c r="BK26" s="1"/>
      <c r="BL26" s="1"/>
      <c r="BM26" s="1">
        <v>0.09</v>
      </c>
      <c r="BN26" s="1">
        <v>0.57999999999999996</v>
      </c>
      <c r="BO26" s="1"/>
      <c r="BP26" s="1"/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77083333333333337</v>
      </c>
      <c r="C27" s="1" t="s">
        <v>593</v>
      </c>
      <c r="D27" s="1" t="s">
        <v>27</v>
      </c>
      <c r="F27" s="1" t="s">
        <v>118</v>
      </c>
      <c r="G27" s="1" t="s">
        <v>73</v>
      </c>
      <c r="J27" s="1" t="s">
        <v>61</v>
      </c>
      <c r="K27" s="1" t="s">
        <v>159</v>
      </c>
      <c r="L27" s="1" t="s">
        <v>33</v>
      </c>
      <c r="O27" s="1" t="s">
        <v>41</v>
      </c>
      <c r="Q27" s="1" t="s">
        <v>67</v>
      </c>
      <c r="R27" s="1" t="s">
        <v>160</v>
      </c>
      <c r="T27" s="1" t="s">
        <v>114</v>
      </c>
      <c r="U27" s="1">
        <v>8.1</v>
      </c>
      <c r="V27" s="1"/>
      <c r="W27" s="1"/>
      <c r="X27" s="1">
        <v>5.2</v>
      </c>
      <c r="Y27" s="1">
        <v>0.65</v>
      </c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E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</sheetData>
  <phoneticPr fontId="18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32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1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611111111111111</v>
      </c>
      <c r="C4" s="1" t="s">
        <v>593</v>
      </c>
      <c r="D4" s="1" t="s">
        <v>27</v>
      </c>
      <c r="F4" s="1" t="s">
        <v>161</v>
      </c>
      <c r="G4" s="1" t="s">
        <v>162</v>
      </c>
      <c r="I4" s="1" t="s">
        <v>163</v>
      </c>
      <c r="J4" s="1" t="s">
        <v>74</v>
      </c>
      <c r="K4" s="1" t="s">
        <v>164</v>
      </c>
      <c r="L4" s="1" t="s">
        <v>33</v>
      </c>
      <c r="O4" s="1" t="s">
        <v>41</v>
      </c>
      <c r="Q4" s="1" t="s">
        <v>122</v>
      </c>
      <c r="R4" s="1" t="s">
        <v>165</v>
      </c>
      <c r="S4" s="1" t="s">
        <v>101</v>
      </c>
      <c r="T4" s="1" t="s">
        <v>166</v>
      </c>
      <c r="U4" s="1">
        <v>8.8000000000000007</v>
      </c>
      <c r="V4" s="1">
        <v>17000</v>
      </c>
      <c r="W4" s="1"/>
      <c r="X4" s="1">
        <v>4.9000000000000004</v>
      </c>
      <c r="Y4" s="1">
        <v>0.41</v>
      </c>
      <c r="Z4" s="1">
        <v>1.4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6.0999999999999999E-2</v>
      </c>
      <c r="BC4" s="1">
        <v>4.4000000000000004</v>
      </c>
      <c r="BD4" s="1">
        <v>4.4000000000000004</v>
      </c>
      <c r="BE4" s="1"/>
      <c r="BF4" s="1"/>
      <c r="BG4" s="1"/>
      <c r="BH4" s="1"/>
      <c r="BI4" s="1"/>
      <c r="BJ4" s="1"/>
      <c r="BK4" s="1"/>
      <c r="BL4" s="1"/>
      <c r="BM4" s="1">
        <v>0.09</v>
      </c>
      <c r="BN4" s="1">
        <v>0.36</v>
      </c>
      <c r="BO4" s="1"/>
      <c r="BP4" s="1"/>
      <c r="BQ4" s="1"/>
      <c r="BR4" s="1"/>
      <c r="BS4" s="1"/>
      <c r="BT4" s="1"/>
      <c r="BU4" s="1">
        <v>6.2E-2</v>
      </c>
      <c r="BV4" s="1">
        <v>2.3699999999999999E-2</v>
      </c>
      <c r="BW4" s="1">
        <v>2.1399999999999999E-2</v>
      </c>
      <c r="BX4" s="1">
        <v>1.4800000000000001E-2</v>
      </c>
      <c r="BY4" s="1">
        <v>2.3E-3</v>
      </c>
      <c r="BZ4" s="1"/>
    </row>
    <row r="5" spans="1:78" x14ac:dyDescent="0.15">
      <c r="A5" s="1" t="s">
        <v>44</v>
      </c>
      <c r="B5" s="2">
        <v>0.40277777777777773</v>
      </c>
      <c r="C5" s="1" t="s">
        <v>593</v>
      </c>
      <c r="D5" s="1" t="s">
        <v>45</v>
      </c>
      <c r="F5" s="1" t="s">
        <v>167</v>
      </c>
      <c r="G5" s="1" t="s">
        <v>168</v>
      </c>
      <c r="I5" s="1" t="s">
        <v>169</v>
      </c>
      <c r="J5" s="1" t="s">
        <v>111</v>
      </c>
      <c r="K5" s="1" t="s">
        <v>170</v>
      </c>
      <c r="L5" s="1" t="s">
        <v>33</v>
      </c>
      <c r="O5" s="1" t="s">
        <v>34</v>
      </c>
      <c r="P5" s="1" t="s">
        <v>93</v>
      </c>
      <c r="Q5" s="1" t="s">
        <v>35</v>
      </c>
      <c r="R5" s="1" t="s">
        <v>51</v>
      </c>
      <c r="S5" s="1" t="s">
        <v>114</v>
      </c>
      <c r="T5" s="1" t="s">
        <v>114</v>
      </c>
      <c r="U5" s="1">
        <v>8.5</v>
      </c>
      <c r="V5" s="1">
        <v>33000</v>
      </c>
      <c r="W5" s="1"/>
      <c r="X5" s="1">
        <v>4.8</v>
      </c>
      <c r="Y5" s="1">
        <v>0.39</v>
      </c>
      <c r="Z5" s="1">
        <v>1.2E-2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5.3999999999999999E-2</v>
      </c>
      <c r="BC5" s="1">
        <v>3</v>
      </c>
      <c r="BD5" s="1">
        <v>3</v>
      </c>
      <c r="BE5" s="1"/>
      <c r="BF5" s="1"/>
      <c r="BG5" s="1"/>
      <c r="BH5" s="1"/>
      <c r="BI5" s="1"/>
      <c r="BJ5" s="1"/>
      <c r="BK5" s="1"/>
      <c r="BL5" s="1"/>
      <c r="BM5" s="1">
        <v>0.1</v>
      </c>
      <c r="BN5" s="1">
        <v>0.36</v>
      </c>
      <c r="BO5" s="1"/>
      <c r="BP5" s="1"/>
      <c r="BQ5" s="1"/>
      <c r="BR5" s="1"/>
      <c r="BS5" s="1"/>
      <c r="BT5" s="1"/>
      <c r="BU5" s="1">
        <v>0.04</v>
      </c>
      <c r="BV5" s="1">
        <v>1.6E-2</v>
      </c>
      <c r="BW5" s="1">
        <v>1.2999999999999999E-2</v>
      </c>
      <c r="BX5" s="1">
        <v>0.01</v>
      </c>
      <c r="BY5" s="1">
        <v>1.4E-3</v>
      </c>
      <c r="BZ5" s="1"/>
    </row>
    <row r="6" spans="1:78" x14ac:dyDescent="0.15">
      <c r="A6" s="1" t="s">
        <v>56</v>
      </c>
      <c r="B6" s="2">
        <v>0.375</v>
      </c>
      <c r="C6" s="1" t="s">
        <v>593</v>
      </c>
      <c r="D6" s="1" t="s">
        <v>57</v>
      </c>
      <c r="F6" s="1" t="s">
        <v>53</v>
      </c>
      <c r="G6" s="1" t="s">
        <v>81</v>
      </c>
      <c r="I6" s="1" t="s">
        <v>171</v>
      </c>
      <c r="J6" s="1" t="s">
        <v>61</v>
      </c>
      <c r="K6" s="1" t="s">
        <v>62</v>
      </c>
      <c r="L6" s="1" t="s">
        <v>33</v>
      </c>
      <c r="O6" s="1" t="s">
        <v>34</v>
      </c>
      <c r="Q6" s="1" t="s">
        <v>122</v>
      </c>
      <c r="R6" s="1" t="s">
        <v>55</v>
      </c>
      <c r="S6" s="1" t="s">
        <v>172</v>
      </c>
      <c r="T6" s="1" t="s">
        <v>43</v>
      </c>
      <c r="U6" s="1">
        <v>8.1999999999999993</v>
      </c>
      <c r="V6" s="1">
        <v>2300</v>
      </c>
      <c r="W6" s="1"/>
      <c r="X6" s="1">
        <v>5.3</v>
      </c>
      <c r="Y6" s="1">
        <v>0.31</v>
      </c>
      <c r="Z6" s="1">
        <v>1.2E-2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5.5E-2</v>
      </c>
      <c r="BC6" s="1">
        <v>3.7</v>
      </c>
      <c r="BD6" s="1">
        <v>3.7</v>
      </c>
      <c r="BE6" s="1"/>
      <c r="BF6" s="1"/>
      <c r="BG6" s="1"/>
      <c r="BH6" s="1"/>
      <c r="BI6" s="1"/>
      <c r="BJ6" s="1"/>
      <c r="BK6" s="1"/>
      <c r="BL6" s="1"/>
      <c r="BM6" s="1">
        <v>0.05</v>
      </c>
      <c r="BN6" s="1">
        <v>0.26</v>
      </c>
      <c r="BO6" s="1"/>
      <c r="BP6" s="1"/>
      <c r="BQ6" s="1"/>
      <c r="BR6" s="1"/>
      <c r="BS6" s="1"/>
      <c r="BT6" s="1"/>
      <c r="BU6" s="1">
        <v>6.4000000000000001E-2</v>
      </c>
      <c r="BV6" s="1">
        <v>2.5000000000000001E-2</v>
      </c>
      <c r="BW6" s="1">
        <v>2.1000000000000001E-2</v>
      </c>
      <c r="BX6" s="1">
        <v>1.6E-2</v>
      </c>
      <c r="BY6" s="1">
        <v>2.2000000000000001E-3</v>
      </c>
      <c r="BZ6" s="1"/>
    </row>
    <row r="7" spans="1:78" x14ac:dyDescent="0.15">
      <c r="A7" s="1" t="s">
        <v>70</v>
      </c>
      <c r="B7" s="2">
        <v>0.3611111111111111</v>
      </c>
      <c r="C7" s="1" t="s">
        <v>593</v>
      </c>
      <c r="D7" s="1" t="s">
        <v>27</v>
      </c>
      <c r="F7" s="1" t="s">
        <v>173</v>
      </c>
      <c r="G7" s="1" t="s">
        <v>174</v>
      </c>
      <c r="I7" s="1" t="s">
        <v>175</v>
      </c>
      <c r="J7" s="1" t="s">
        <v>84</v>
      </c>
      <c r="K7" s="1" t="s">
        <v>176</v>
      </c>
      <c r="L7" s="1" t="s">
        <v>33</v>
      </c>
      <c r="O7" s="1" t="s">
        <v>34</v>
      </c>
      <c r="Q7" s="1" t="s">
        <v>86</v>
      </c>
      <c r="R7" s="1" t="s">
        <v>51</v>
      </c>
      <c r="S7" s="1" t="s">
        <v>124</v>
      </c>
      <c r="T7" s="1" t="s">
        <v>38</v>
      </c>
      <c r="U7" s="1">
        <v>7.6</v>
      </c>
      <c r="V7" s="1">
        <v>13000</v>
      </c>
      <c r="W7" s="1"/>
      <c r="X7" s="1">
        <v>4.2</v>
      </c>
      <c r="Y7" s="1">
        <v>0.33</v>
      </c>
      <c r="Z7" s="1">
        <v>1.2E-2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3.6999999999999998E-2</v>
      </c>
      <c r="BC7" s="1">
        <v>3.1</v>
      </c>
      <c r="BD7" s="1">
        <v>3.1</v>
      </c>
      <c r="BE7" s="1"/>
      <c r="BF7" s="1"/>
      <c r="BG7" s="1"/>
      <c r="BH7" s="1"/>
      <c r="BI7" s="1"/>
      <c r="BJ7" s="1"/>
      <c r="BK7" s="1"/>
      <c r="BL7" s="1"/>
      <c r="BM7" s="1">
        <v>0.05</v>
      </c>
      <c r="BN7" s="1">
        <v>0.26</v>
      </c>
      <c r="BO7" s="1"/>
      <c r="BP7" s="1"/>
      <c r="BQ7" s="1"/>
      <c r="BR7" s="1"/>
      <c r="BS7" s="1"/>
      <c r="BT7" s="1"/>
      <c r="BU7" s="1">
        <v>0.05</v>
      </c>
      <c r="BV7" s="1">
        <v>2.5000000000000001E-2</v>
      </c>
      <c r="BW7" s="1">
        <v>1.7000000000000001E-2</v>
      </c>
      <c r="BX7" s="1">
        <v>1.0999999999999999E-2</v>
      </c>
      <c r="BY7" s="1">
        <v>1.6999999999999999E-3</v>
      </c>
      <c r="BZ7" s="1"/>
    </row>
    <row r="8" spans="1:78" x14ac:dyDescent="0.15">
      <c r="A8" s="1" t="s">
        <v>80</v>
      </c>
      <c r="B8" s="2">
        <v>0.41666666666666669</v>
      </c>
      <c r="C8" s="1" t="s">
        <v>593</v>
      </c>
      <c r="D8" s="1" t="s">
        <v>27</v>
      </c>
      <c r="F8" s="1" t="s">
        <v>177</v>
      </c>
      <c r="G8" s="1" t="s">
        <v>178</v>
      </c>
      <c r="I8" s="1" t="s">
        <v>179</v>
      </c>
      <c r="J8" s="1" t="s">
        <v>111</v>
      </c>
      <c r="K8" s="1" t="s">
        <v>180</v>
      </c>
      <c r="L8" s="1" t="s">
        <v>33</v>
      </c>
      <c r="O8" s="1" t="s">
        <v>34</v>
      </c>
      <c r="Q8" s="1" t="s">
        <v>94</v>
      </c>
      <c r="R8" s="1" t="s">
        <v>123</v>
      </c>
      <c r="S8" s="1" t="s">
        <v>181</v>
      </c>
      <c r="T8" s="1" t="s">
        <v>38</v>
      </c>
      <c r="U8" s="1">
        <v>8.6</v>
      </c>
      <c r="V8" s="1">
        <v>35000</v>
      </c>
      <c r="W8" s="1"/>
      <c r="X8" s="1">
        <v>2.6</v>
      </c>
      <c r="Y8" s="1">
        <v>0.24</v>
      </c>
      <c r="Z8" s="1">
        <v>8.9999999999999993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3.1E-2</v>
      </c>
      <c r="BC8" s="1">
        <v>2.2999999999999998</v>
      </c>
      <c r="BD8" s="1">
        <v>2.2999999999999998</v>
      </c>
      <c r="BE8" s="1"/>
      <c r="BF8" s="1"/>
      <c r="BG8" s="1"/>
      <c r="BH8" s="1"/>
      <c r="BI8" s="1"/>
      <c r="BJ8" s="1"/>
      <c r="BK8" s="1"/>
      <c r="BL8" s="1"/>
      <c r="BM8" s="1">
        <v>0.06</v>
      </c>
      <c r="BN8" s="1">
        <v>0.21</v>
      </c>
      <c r="BO8" s="1"/>
      <c r="BP8" s="1"/>
      <c r="BQ8" s="1"/>
      <c r="BR8" s="1"/>
      <c r="BS8" s="1"/>
      <c r="BT8" s="1"/>
      <c r="BU8" s="1">
        <v>3.2000000000000001E-2</v>
      </c>
      <c r="BV8" s="1">
        <v>1.6E-2</v>
      </c>
      <c r="BW8" s="1">
        <v>8.8000000000000005E-3</v>
      </c>
      <c r="BX8" s="1">
        <v>6.7999999999999996E-3</v>
      </c>
      <c r="BY8" s="1">
        <v>1E-3</v>
      </c>
      <c r="BZ8" s="1"/>
    </row>
    <row r="9" spans="1:78" x14ac:dyDescent="0.15">
      <c r="A9" s="1" t="s">
        <v>95</v>
      </c>
      <c r="B9" s="2">
        <v>0.38541666666666669</v>
      </c>
      <c r="C9" s="1" t="s">
        <v>593</v>
      </c>
      <c r="D9" s="1" t="s">
        <v>27</v>
      </c>
      <c r="F9" s="1" t="s">
        <v>182</v>
      </c>
      <c r="G9" s="1" t="s">
        <v>59</v>
      </c>
      <c r="I9" s="1" t="s">
        <v>183</v>
      </c>
      <c r="J9" s="1" t="s">
        <v>61</v>
      </c>
      <c r="K9" s="1" t="s">
        <v>159</v>
      </c>
      <c r="L9" s="1" t="s">
        <v>33</v>
      </c>
      <c r="O9" s="1" t="s">
        <v>34</v>
      </c>
      <c r="Q9" s="1" t="s">
        <v>86</v>
      </c>
      <c r="R9" s="1" t="s">
        <v>92</v>
      </c>
      <c r="S9" s="1" t="s">
        <v>114</v>
      </c>
      <c r="T9" s="1" t="s">
        <v>166</v>
      </c>
      <c r="U9" s="1">
        <v>7.8</v>
      </c>
      <c r="V9" s="1">
        <v>46000</v>
      </c>
      <c r="W9" s="1"/>
      <c r="X9" s="1">
        <v>3.9</v>
      </c>
      <c r="Y9" s="1">
        <v>0.33</v>
      </c>
      <c r="Z9" s="1">
        <v>1.2E-2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3.1E-2</v>
      </c>
      <c r="BC9" s="1">
        <v>2.9</v>
      </c>
      <c r="BD9" s="1">
        <v>2.9</v>
      </c>
      <c r="BE9" s="1"/>
      <c r="BF9" s="1"/>
      <c r="BG9" s="1"/>
      <c r="BH9" s="1"/>
      <c r="BI9" s="1"/>
      <c r="BJ9" s="1"/>
      <c r="BK9" s="1"/>
      <c r="BL9" s="1"/>
      <c r="BM9" s="1">
        <v>0.06</v>
      </c>
      <c r="BN9" s="1">
        <v>0.28000000000000003</v>
      </c>
      <c r="BO9" s="1"/>
      <c r="BP9" s="1"/>
      <c r="BQ9" s="1"/>
      <c r="BR9" s="1"/>
      <c r="BS9" s="1"/>
      <c r="BT9" s="1"/>
      <c r="BU9" s="1">
        <v>6.6000000000000003E-2</v>
      </c>
      <c r="BV9" s="1">
        <v>0.03</v>
      </c>
      <c r="BW9" s="1">
        <v>1.7999999999999999E-2</v>
      </c>
      <c r="BX9" s="1">
        <v>1.6E-2</v>
      </c>
      <c r="BY9" s="1">
        <v>2E-3</v>
      </c>
      <c r="BZ9" s="1"/>
    </row>
    <row r="10" spans="1:78" x14ac:dyDescent="0.15">
      <c r="A10" s="1" t="s">
        <v>107</v>
      </c>
      <c r="B10" s="2">
        <v>0.36805555555555558</v>
      </c>
      <c r="C10" s="1" t="s">
        <v>593</v>
      </c>
      <c r="D10" s="1" t="s">
        <v>45</v>
      </c>
      <c r="F10" s="1" t="s">
        <v>129</v>
      </c>
      <c r="G10" s="1" t="s">
        <v>116</v>
      </c>
      <c r="I10" s="1" t="s">
        <v>184</v>
      </c>
      <c r="J10" s="1" t="s">
        <v>91</v>
      </c>
      <c r="K10" s="1" t="s">
        <v>185</v>
      </c>
      <c r="L10" s="1" t="s">
        <v>33</v>
      </c>
      <c r="O10" s="1" t="s">
        <v>34</v>
      </c>
      <c r="Q10" s="1" t="s">
        <v>79</v>
      </c>
      <c r="R10" s="1" t="s">
        <v>123</v>
      </c>
      <c r="S10" s="1" t="s">
        <v>113</v>
      </c>
      <c r="T10" s="1" t="s">
        <v>158</v>
      </c>
      <c r="U10" s="1">
        <v>8.1999999999999993</v>
      </c>
      <c r="V10" s="1">
        <v>28000</v>
      </c>
      <c r="W10" s="1"/>
      <c r="X10" s="1">
        <v>3.7</v>
      </c>
      <c r="Y10" s="1">
        <v>0.36</v>
      </c>
      <c r="Z10" s="1">
        <v>1.099999999999999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2.9000000000000001E-2</v>
      </c>
      <c r="BC10" s="1">
        <v>3.2</v>
      </c>
      <c r="BD10" s="1">
        <v>3.2</v>
      </c>
      <c r="BE10" s="1"/>
      <c r="BF10" s="1"/>
      <c r="BG10" s="1"/>
      <c r="BH10" s="1"/>
      <c r="BI10" s="1"/>
      <c r="BJ10" s="1"/>
      <c r="BK10" s="1"/>
      <c r="BL10" s="1"/>
      <c r="BM10" s="1">
        <v>0.04</v>
      </c>
      <c r="BN10" s="1">
        <v>0.33</v>
      </c>
      <c r="BO10" s="1"/>
      <c r="BP10" s="1"/>
      <c r="BQ10" s="1"/>
      <c r="BR10" s="1"/>
      <c r="BS10" s="1"/>
      <c r="BT10" s="1"/>
      <c r="BU10" s="1">
        <v>6.6000000000000003E-2</v>
      </c>
      <c r="BV10" s="1">
        <v>2.5000000000000001E-2</v>
      </c>
      <c r="BW10" s="1">
        <v>1.4E-2</v>
      </c>
      <c r="BX10" s="1">
        <v>1.6E-2</v>
      </c>
      <c r="BY10" s="1">
        <v>1.0999999999999999E-2</v>
      </c>
      <c r="BZ10" s="1"/>
    </row>
    <row r="11" spans="1:78" x14ac:dyDescent="0.15">
      <c r="A11" s="1" t="s">
        <v>117</v>
      </c>
      <c r="B11" s="2">
        <v>0.3888888888888889</v>
      </c>
      <c r="C11" s="1" t="s">
        <v>593</v>
      </c>
      <c r="D11" s="1" t="s">
        <v>27</v>
      </c>
      <c r="F11" s="1" t="s">
        <v>186</v>
      </c>
      <c r="G11" s="1" t="s">
        <v>187</v>
      </c>
      <c r="I11" s="1" t="s">
        <v>188</v>
      </c>
      <c r="J11" s="1" t="s">
        <v>74</v>
      </c>
      <c r="K11" s="1" t="s">
        <v>189</v>
      </c>
      <c r="L11" s="1" t="s">
        <v>33</v>
      </c>
      <c r="O11" s="1" t="s">
        <v>34</v>
      </c>
      <c r="Q11" s="1" t="s">
        <v>86</v>
      </c>
      <c r="R11" s="1" t="s">
        <v>87</v>
      </c>
      <c r="S11" s="1" t="s">
        <v>101</v>
      </c>
      <c r="T11" s="1" t="s">
        <v>38</v>
      </c>
      <c r="U11" s="1">
        <v>8.4</v>
      </c>
      <c r="V11" s="1">
        <v>4900</v>
      </c>
      <c r="W11" s="1"/>
      <c r="X11" s="1">
        <v>5.3</v>
      </c>
      <c r="Y11" s="1">
        <v>0.41</v>
      </c>
      <c r="Z11" s="1">
        <v>1.0999999999999999E-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3.4000000000000002E-2</v>
      </c>
      <c r="BC11" s="1">
        <v>4.3</v>
      </c>
      <c r="BD11" s="1">
        <v>4.3</v>
      </c>
      <c r="BE11" s="1"/>
      <c r="BF11" s="1"/>
      <c r="BG11" s="1"/>
      <c r="BH11" s="1"/>
      <c r="BI11" s="1"/>
      <c r="BJ11" s="1"/>
      <c r="BK11" s="1"/>
      <c r="BL11" s="1"/>
      <c r="BM11" s="1">
        <v>0.01</v>
      </c>
      <c r="BN11" s="1">
        <v>0.35</v>
      </c>
      <c r="BO11" s="1"/>
      <c r="BP11" s="1"/>
      <c r="BQ11" s="1"/>
      <c r="BR11" s="1"/>
      <c r="BS11" s="1"/>
      <c r="BT11" s="1"/>
      <c r="BU11" s="1">
        <v>4.5999999999999999E-2</v>
      </c>
      <c r="BV11" s="1">
        <v>2.1999999999999999E-2</v>
      </c>
      <c r="BW11" s="1">
        <v>1.0999999999999999E-2</v>
      </c>
      <c r="BX11" s="1">
        <v>1.0999999999999999E-2</v>
      </c>
      <c r="BY11" s="1">
        <v>2.2000000000000001E-3</v>
      </c>
      <c r="BZ11" s="1"/>
    </row>
    <row r="12" spans="1:78" x14ac:dyDescent="0.15">
      <c r="A12" s="1" t="s">
        <v>127</v>
      </c>
      <c r="B12" s="2">
        <v>0.375</v>
      </c>
      <c r="C12" s="1" t="s">
        <v>593</v>
      </c>
      <c r="D12" s="1" t="s">
        <v>27</v>
      </c>
      <c r="F12" s="1" t="s">
        <v>190</v>
      </c>
      <c r="G12" s="1" t="s">
        <v>191</v>
      </c>
      <c r="I12" s="1" t="s">
        <v>192</v>
      </c>
      <c r="J12" s="1" t="s">
        <v>111</v>
      </c>
      <c r="K12" s="1" t="s">
        <v>180</v>
      </c>
      <c r="L12" s="1" t="s">
        <v>33</v>
      </c>
      <c r="O12" s="1" t="s">
        <v>34</v>
      </c>
      <c r="Q12" s="1" t="s">
        <v>86</v>
      </c>
      <c r="R12" s="1" t="s">
        <v>55</v>
      </c>
      <c r="S12" s="1" t="s">
        <v>193</v>
      </c>
      <c r="T12" s="1" t="s">
        <v>38</v>
      </c>
      <c r="U12" s="1">
        <v>8.3000000000000007</v>
      </c>
      <c r="V12" s="1">
        <v>3300</v>
      </c>
      <c r="W12" s="1"/>
      <c r="X12" s="1">
        <v>5.9</v>
      </c>
      <c r="Y12" s="1">
        <v>0.46</v>
      </c>
      <c r="Z12" s="1">
        <v>1.4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1.9E-2</v>
      </c>
      <c r="BC12" s="1">
        <v>4.7</v>
      </c>
      <c r="BD12" s="1">
        <v>4.7</v>
      </c>
      <c r="BE12" s="1"/>
      <c r="BF12" s="1"/>
      <c r="BG12" s="1"/>
      <c r="BH12" s="1"/>
      <c r="BI12" s="1"/>
      <c r="BJ12" s="1"/>
      <c r="BK12" s="1"/>
      <c r="BL12" s="1"/>
      <c r="BM12" s="1">
        <v>0.01</v>
      </c>
      <c r="BN12" s="1">
        <v>0.35</v>
      </c>
      <c r="BO12" s="1"/>
      <c r="BP12" s="1"/>
      <c r="BQ12" s="1"/>
      <c r="BR12" s="1"/>
      <c r="BS12" s="1"/>
      <c r="BT12" s="1"/>
      <c r="BU12" s="1">
        <v>6.4000000000000001E-2</v>
      </c>
      <c r="BV12" s="1">
        <v>0.03</v>
      </c>
      <c r="BW12" s="1">
        <v>1.7000000000000001E-2</v>
      </c>
      <c r="BX12" s="1">
        <v>1.4999999999999999E-2</v>
      </c>
      <c r="BY12" s="1">
        <v>2.8E-3</v>
      </c>
      <c r="BZ12" s="1"/>
    </row>
    <row r="13" spans="1:78" x14ac:dyDescent="0.15">
      <c r="A13" s="1" t="s">
        <v>136</v>
      </c>
      <c r="B13" s="2">
        <v>0.40277777777777773</v>
      </c>
      <c r="C13" s="1" t="s">
        <v>593</v>
      </c>
      <c r="D13" s="1" t="s">
        <v>45</v>
      </c>
      <c r="F13" s="1" t="s">
        <v>194</v>
      </c>
      <c r="G13" s="1" t="s">
        <v>195</v>
      </c>
      <c r="I13" s="1" t="s">
        <v>196</v>
      </c>
      <c r="J13" s="1" t="s">
        <v>84</v>
      </c>
      <c r="K13" s="1" t="s">
        <v>176</v>
      </c>
      <c r="L13" s="1" t="s">
        <v>33</v>
      </c>
      <c r="O13" s="1" t="s">
        <v>34</v>
      </c>
      <c r="Q13" s="1" t="s">
        <v>35</v>
      </c>
      <c r="R13" s="1" t="s">
        <v>92</v>
      </c>
      <c r="S13" s="1" t="s">
        <v>197</v>
      </c>
      <c r="T13" s="1" t="s">
        <v>38</v>
      </c>
      <c r="U13" s="1">
        <v>10</v>
      </c>
      <c r="V13" s="1">
        <v>2300</v>
      </c>
      <c r="W13" s="1"/>
      <c r="X13" s="1">
        <v>5.7</v>
      </c>
      <c r="Y13" s="1">
        <v>0.37</v>
      </c>
      <c r="Z13" s="1">
        <v>2.7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2.1000000000000001E-2</v>
      </c>
      <c r="BC13" s="1">
        <v>2.2000000000000002</v>
      </c>
      <c r="BD13" s="1">
        <v>2.2000000000000002</v>
      </c>
      <c r="BE13" s="1"/>
      <c r="BF13" s="1"/>
      <c r="BG13" s="1"/>
      <c r="BH13" s="1"/>
      <c r="BI13" s="1"/>
      <c r="BJ13" s="1"/>
      <c r="BK13" s="1"/>
      <c r="BL13" s="1"/>
      <c r="BM13" s="1">
        <v>0.01</v>
      </c>
      <c r="BN13" s="1">
        <v>0.33</v>
      </c>
      <c r="BO13" s="1"/>
      <c r="BP13" s="1"/>
      <c r="BQ13" s="1"/>
      <c r="BR13" s="1"/>
      <c r="BS13" s="1"/>
      <c r="BT13" s="1"/>
      <c r="BU13" s="1">
        <v>6.2E-2</v>
      </c>
      <c r="BV13" s="1">
        <v>3.3000000000000002E-2</v>
      </c>
      <c r="BW13" s="1">
        <v>1.6E-2</v>
      </c>
      <c r="BX13" s="1">
        <v>1.2E-2</v>
      </c>
      <c r="BY13" s="1">
        <v>1.4E-3</v>
      </c>
      <c r="BZ13" s="1"/>
    </row>
    <row r="14" spans="1:78" x14ac:dyDescent="0.15">
      <c r="A14" s="1" t="s">
        <v>147</v>
      </c>
      <c r="B14" s="2">
        <v>0.375</v>
      </c>
      <c r="C14" s="1" t="s">
        <v>593</v>
      </c>
      <c r="D14" s="1" t="s">
        <v>27</v>
      </c>
      <c r="F14" s="1" t="s">
        <v>198</v>
      </c>
      <c r="G14" s="1" t="s">
        <v>199</v>
      </c>
      <c r="I14" s="1" t="s">
        <v>200</v>
      </c>
      <c r="J14" s="1" t="s">
        <v>91</v>
      </c>
      <c r="K14" s="1" t="s">
        <v>92</v>
      </c>
      <c r="L14" s="1" t="s">
        <v>33</v>
      </c>
      <c r="O14" s="1" t="s">
        <v>34</v>
      </c>
      <c r="Q14" s="1" t="s">
        <v>86</v>
      </c>
      <c r="R14" s="1" t="s">
        <v>55</v>
      </c>
      <c r="S14" s="1" t="s">
        <v>194</v>
      </c>
      <c r="T14" s="1" t="s">
        <v>166</v>
      </c>
      <c r="U14" s="1">
        <v>10</v>
      </c>
      <c r="V14" s="1">
        <v>1700</v>
      </c>
      <c r="W14" s="1"/>
      <c r="X14" s="1">
        <v>5.7</v>
      </c>
      <c r="Y14" s="1">
        <v>0.46</v>
      </c>
      <c r="Z14" s="1">
        <v>0.0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4.4999999999999998E-2</v>
      </c>
      <c r="BC14" s="1">
        <v>4.9000000000000004</v>
      </c>
      <c r="BD14" s="1">
        <v>4.9000000000000004</v>
      </c>
      <c r="BE14" s="1"/>
      <c r="BF14" s="1"/>
      <c r="BG14" s="1"/>
      <c r="BH14" s="1"/>
      <c r="BI14" s="1"/>
      <c r="BJ14" s="1"/>
      <c r="BK14" s="1"/>
      <c r="BL14" s="1"/>
      <c r="BM14" s="1">
        <v>0.03</v>
      </c>
      <c r="BN14" s="1">
        <v>0.41</v>
      </c>
      <c r="BO14" s="1"/>
      <c r="BP14" s="1"/>
      <c r="BQ14" s="1"/>
      <c r="BR14" s="1"/>
      <c r="BS14" s="1"/>
      <c r="BT14" s="1"/>
      <c r="BU14" s="1">
        <v>5.0999999999999997E-2</v>
      </c>
      <c r="BV14" s="1">
        <v>1.7999999999999999E-2</v>
      </c>
      <c r="BW14" s="1">
        <v>1.2999999999999999E-2</v>
      </c>
      <c r="BX14" s="1">
        <v>1.7999999999999999E-2</v>
      </c>
      <c r="BY14" s="1">
        <v>2.8E-3</v>
      </c>
      <c r="BZ14" s="1"/>
    </row>
    <row r="15" spans="1:78" x14ac:dyDescent="0.15">
      <c r="A15" s="1" t="s">
        <v>153</v>
      </c>
      <c r="B15" s="2">
        <v>0.36805555555555558</v>
      </c>
      <c r="C15" s="1" t="s">
        <v>593</v>
      </c>
      <c r="D15" s="1" t="s">
        <v>27</v>
      </c>
      <c r="F15" s="1" t="s">
        <v>201</v>
      </c>
      <c r="G15" s="1" t="s">
        <v>155</v>
      </c>
      <c r="I15" s="1" t="s">
        <v>202</v>
      </c>
      <c r="J15" s="1" t="s">
        <v>84</v>
      </c>
      <c r="K15" s="1" t="s">
        <v>121</v>
      </c>
      <c r="L15" s="1" t="s">
        <v>33</v>
      </c>
      <c r="O15" s="1" t="s">
        <v>41</v>
      </c>
      <c r="Q15" s="1" t="s">
        <v>42</v>
      </c>
      <c r="R15" s="1" t="s">
        <v>106</v>
      </c>
      <c r="S15" s="1" t="s">
        <v>193</v>
      </c>
      <c r="T15" s="1" t="s">
        <v>38</v>
      </c>
      <c r="U15" s="1">
        <v>8.9</v>
      </c>
      <c r="V15" s="1">
        <v>13000</v>
      </c>
      <c r="W15" s="1"/>
      <c r="X15" s="1">
        <v>4.9000000000000004</v>
      </c>
      <c r="Y15" s="1">
        <v>0.53</v>
      </c>
      <c r="Z15" s="1">
        <v>1.6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3.9E-2</v>
      </c>
      <c r="BC15" s="1">
        <v>3.7</v>
      </c>
      <c r="BD15" s="1">
        <v>3.7</v>
      </c>
      <c r="BE15" s="1"/>
      <c r="BF15" s="1"/>
      <c r="BG15" s="1"/>
      <c r="BH15" s="1"/>
      <c r="BI15" s="1"/>
      <c r="BJ15" s="1"/>
      <c r="BK15" s="1"/>
      <c r="BL15" s="1"/>
      <c r="BM15" s="1">
        <v>0.05</v>
      </c>
      <c r="BN15" s="1">
        <v>0.49</v>
      </c>
      <c r="BO15" s="1"/>
      <c r="BP15" s="1"/>
      <c r="BQ15" s="1"/>
      <c r="BR15" s="1"/>
      <c r="BS15" s="1"/>
      <c r="BT15" s="1"/>
      <c r="BU15" s="1">
        <v>3.9E-2</v>
      </c>
      <c r="BV15" s="1">
        <v>1.6E-2</v>
      </c>
      <c r="BW15" s="1">
        <v>1.0999999999999999E-2</v>
      </c>
      <c r="BX15" s="1">
        <v>0.01</v>
      </c>
      <c r="BY15" s="1">
        <v>2.2000000000000001E-3</v>
      </c>
      <c r="BZ15" s="1"/>
    </row>
    <row r="215" spans="21:21" x14ac:dyDescent="0.15">
      <c r="U215" s="1"/>
    </row>
    <row r="216" spans="21:21" x14ac:dyDescent="0.15">
      <c r="U216" s="1"/>
    </row>
    <row r="217" spans="21:21" x14ac:dyDescent="0.15">
      <c r="U217" s="1"/>
    </row>
    <row r="218" spans="21:21" x14ac:dyDescent="0.15">
      <c r="U218" s="1"/>
    </row>
    <row r="219" spans="21:21" x14ac:dyDescent="0.15">
      <c r="U219" s="1"/>
    </row>
    <row r="220" spans="21:21" x14ac:dyDescent="0.15">
      <c r="U220" s="1"/>
    </row>
    <row r="221" spans="21:21" x14ac:dyDescent="0.15">
      <c r="U221" s="1"/>
    </row>
    <row r="222" spans="21:21" x14ac:dyDescent="0.15">
      <c r="U222" s="1"/>
    </row>
    <row r="223" spans="21:21" x14ac:dyDescent="0.15">
      <c r="U223" s="1"/>
    </row>
    <row r="224" spans="21:21" x14ac:dyDescent="0.15">
      <c r="U224" s="1"/>
    </row>
    <row r="225" spans="21:21" x14ac:dyDescent="0.15">
      <c r="U225" s="1"/>
    </row>
    <row r="226" spans="21:21" x14ac:dyDescent="0.15">
      <c r="U226" s="1"/>
    </row>
    <row r="227" spans="21:21" x14ac:dyDescent="0.15">
      <c r="U227" s="1"/>
    </row>
    <row r="228" spans="21:21" x14ac:dyDescent="0.15">
      <c r="U228" s="1"/>
    </row>
    <row r="229" spans="21:21" x14ac:dyDescent="0.15">
      <c r="U229" s="1"/>
    </row>
    <row r="230" spans="21:21" x14ac:dyDescent="0.15">
      <c r="U230" s="1"/>
    </row>
    <row r="231" spans="21:21" x14ac:dyDescent="0.15">
      <c r="U231" s="1"/>
    </row>
    <row r="232" spans="21:21" x14ac:dyDescent="0.15">
      <c r="U232" s="1"/>
    </row>
    <row r="233" spans="21:21" x14ac:dyDescent="0.15">
      <c r="U233" s="1"/>
    </row>
    <row r="234" spans="21:21" x14ac:dyDescent="0.15">
      <c r="U234" s="1"/>
    </row>
    <row r="235" spans="21:21" x14ac:dyDescent="0.15">
      <c r="U235" s="1"/>
    </row>
    <row r="236" spans="21:21" x14ac:dyDescent="0.15">
      <c r="U236" s="1"/>
    </row>
    <row r="237" spans="21:21" x14ac:dyDescent="0.15">
      <c r="U237" s="1"/>
    </row>
    <row r="238" spans="21:21" x14ac:dyDescent="0.15">
      <c r="U238" s="1"/>
    </row>
    <row r="239" spans="21:21" x14ac:dyDescent="0.15">
      <c r="U239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</sheetData>
  <phoneticPr fontId="18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59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2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8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951388888888889</v>
      </c>
      <c r="C4" s="1" t="s">
        <v>593</v>
      </c>
      <c r="D4" s="1" t="s">
        <v>27</v>
      </c>
      <c r="F4" s="1" t="s">
        <v>203</v>
      </c>
      <c r="G4" s="1" t="s">
        <v>204</v>
      </c>
      <c r="I4" s="1" t="s">
        <v>205</v>
      </c>
      <c r="J4" s="1" t="s">
        <v>91</v>
      </c>
      <c r="K4" s="1" t="s">
        <v>206</v>
      </c>
      <c r="L4" s="1" t="s">
        <v>33</v>
      </c>
      <c r="O4" s="1" t="s">
        <v>41</v>
      </c>
      <c r="Q4" s="1" t="s">
        <v>35</v>
      </c>
      <c r="R4" s="1" t="s">
        <v>180</v>
      </c>
      <c r="S4" s="1" t="s">
        <v>207</v>
      </c>
      <c r="T4" s="1" t="s">
        <v>114</v>
      </c>
      <c r="U4" s="1">
        <v>8</v>
      </c>
      <c r="V4" s="1">
        <v>4900</v>
      </c>
      <c r="W4" s="1"/>
      <c r="X4" s="1">
        <v>5</v>
      </c>
      <c r="Y4" s="1">
        <v>0.34</v>
      </c>
      <c r="Z4" s="1">
        <v>0.01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5.0999999999999997E-2</v>
      </c>
      <c r="BC4" s="1">
        <v>4.5</v>
      </c>
      <c r="BD4" s="1">
        <v>4.5</v>
      </c>
      <c r="BE4" s="1"/>
      <c r="BF4" s="1"/>
      <c r="BG4" s="1"/>
      <c r="BH4" s="1"/>
      <c r="BI4" s="1"/>
      <c r="BJ4" s="1"/>
      <c r="BK4" s="1"/>
      <c r="BL4" s="1"/>
      <c r="BM4" s="1">
        <v>0.01</v>
      </c>
      <c r="BN4" s="1">
        <v>0.3</v>
      </c>
      <c r="BO4" s="1"/>
      <c r="BP4" s="1"/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4</v>
      </c>
      <c r="B5" s="2">
        <v>0.58333333333333337</v>
      </c>
      <c r="C5" s="1" t="s">
        <v>593</v>
      </c>
      <c r="D5" s="1" t="s">
        <v>45</v>
      </c>
      <c r="F5" s="1" t="s">
        <v>208</v>
      </c>
      <c r="G5" s="1" t="s">
        <v>209</v>
      </c>
      <c r="I5" s="1" t="s">
        <v>210</v>
      </c>
      <c r="J5" s="1" t="s">
        <v>49</v>
      </c>
      <c r="K5" s="1" t="s">
        <v>65</v>
      </c>
      <c r="L5" s="1" t="s">
        <v>33</v>
      </c>
      <c r="O5" s="1" t="s">
        <v>34</v>
      </c>
      <c r="P5" s="1" t="s">
        <v>93</v>
      </c>
      <c r="Q5" s="1" t="s">
        <v>35</v>
      </c>
      <c r="R5" s="1" t="s">
        <v>62</v>
      </c>
      <c r="S5" s="1" t="s">
        <v>88</v>
      </c>
      <c r="T5" s="1" t="s">
        <v>43</v>
      </c>
      <c r="U5" s="1">
        <v>8.5</v>
      </c>
      <c r="V5" s="1">
        <v>7900</v>
      </c>
      <c r="W5" s="1"/>
      <c r="X5" s="1">
        <v>4.5999999999999996</v>
      </c>
      <c r="Y5" s="1">
        <v>0.34</v>
      </c>
      <c r="Z5" s="1">
        <v>0.01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5.0999999999999997E-2</v>
      </c>
      <c r="BC5" s="1">
        <v>3</v>
      </c>
      <c r="BD5" s="1">
        <v>3</v>
      </c>
      <c r="BE5" s="1"/>
      <c r="BF5" s="1"/>
      <c r="BG5" s="1"/>
      <c r="BH5" s="1"/>
      <c r="BI5" s="1"/>
      <c r="BJ5" s="1"/>
      <c r="BK5" s="1"/>
      <c r="BL5" s="1"/>
      <c r="BM5" s="1">
        <v>0.06</v>
      </c>
      <c r="BN5" s="1">
        <v>0.32</v>
      </c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6</v>
      </c>
      <c r="B6" s="2">
        <v>0.45833333333333331</v>
      </c>
      <c r="C6" s="1" t="s">
        <v>593</v>
      </c>
      <c r="D6" s="1" t="s">
        <v>57</v>
      </c>
      <c r="F6" s="1" t="s">
        <v>211</v>
      </c>
      <c r="G6" s="1" t="s">
        <v>182</v>
      </c>
      <c r="I6" s="1" t="s">
        <v>212</v>
      </c>
      <c r="J6" s="1" t="s">
        <v>104</v>
      </c>
      <c r="K6" s="1" t="s">
        <v>213</v>
      </c>
      <c r="L6" s="1" t="s">
        <v>33</v>
      </c>
      <c r="O6" s="1" t="s">
        <v>34</v>
      </c>
      <c r="Q6" s="1" t="s">
        <v>94</v>
      </c>
      <c r="R6" s="1" t="s">
        <v>92</v>
      </c>
      <c r="S6" s="1" t="s">
        <v>207</v>
      </c>
      <c r="T6" s="1" t="s">
        <v>43</v>
      </c>
      <c r="U6" s="1">
        <v>9.6999999999999993</v>
      </c>
      <c r="V6" s="1">
        <v>7900</v>
      </c>
      <c r="W6" s="1"/>
      <c r="X6" s="1">
        <v>5.0999999999999996</v>
      </c>
      <c r="Y6" s="1">
        <v>0.26</v>
      </c>
      <c r="Z6" s="1">
        <v>8.9999999999999993E-3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9E-2</v>
      </c>
      <c r="BC6" s="1">
        <v>3.8</v>
      </c>
      <c r="BD6" s="1">
        <v>3.8</v>
      </c>
      <c r="BE6" s="1"/>
      <c r="BF6" s="1"/>
      <c r="BG6" s="1"/>
      <c r="BH6" s="1"/>
      <c r="BI6" s="1"/>
      <c r="BJ6" s="1"/>
      <c r="BK6" s="1"/>
      <c r="BL6" s="1"/>
      <c r="BM6" s="1">
        <v>0.02</v>
      </c>
      <c r="BN6" s="1">
        <v>0.23</v>
      </c>
      <c r="BO6" s="1"/>
      <c r="BP6" s="1"/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70</v>
      </c>
      <c r="B7" s="2">
        <v>0.4513888888888889</v>
      </c>
      <c r="C7" s="1" t="s">
        <v>593</v>
      </c>
      <c r="D7" s="1" t="s">
        <v>27</v>
      </c>
      <c r="F7" s="1" t="s">
        <v>214</v>
      </c>
      <c r="G7" s="1" t="s">
        <v>215</v>
      </c>
      <c r="I7" s="1" t="s">
        <v>216</v>
      </c>
      <c r="J7" s="1" t="s">
        <v>104</v>
      </c>
      <c r="K7" s="1" t="s">
        <v>43</v>
      </c>
      <c r="L7" s="1" t="s">
        <v>33</v>
      </c>
      <c r="O7" s="1" t="s">
        <v>34</v>
      </c>
      <c r="Q7" s="1" t="s">
        <v>217</v>
      </c>
      <c r="R7" s="1" t="s">
        <v>51</v>
      </c>
      <c r="S7" s="1" t="s">
        <v>172</v>
      </c>
      <c r="T7" s="1" t="s">
        <v>38</v>
      </c>
      <c r="U7" s="1">
        <v>10</v>
      </c>
      <c r="V7" s="1">
        <v>1300</v>
      </c>
      <c r="W7" s="1"/>
      <c r="X7" s="1">
        <v>3.9</v>
      </c>
      <c r="Y7" s="1">
        <v>0.26</v>
      </c>
      <c r="Z7" s="1">
        <v>8.9999999999999993E-3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3.7999999999999999E-2</v>
      </c>
      <c r="BC7" s="1">
        <v>2.9</v>
      </c>
      <c r="BD7" s="1">
        <v>2.9</v>
      </c>
      <c r="BE7" s="1"/>
      <c r="BF7" s="1"/>
      <c r="BG7" s="1"/>
      <c r="BH7" s="1"/>
      <c r="BI7" s="1"/>
      <c r="BJ7" s="1"/>
      <c r="BK7" s="1"/>
      <c r="BL7" s="1"/>
      <c r="BM7" s="1">
        <v>0.02</v>
      </c>
      <c r="BN7" s="1">
        <v>0.22</v>
      </c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80</v>
      </c>
      <c r="B8" s="2">
        <v>0.59722222222222221</v>
      </c>
      <c r="C8" s="1" t="s">
        <v>593</v>
      </c>
      <c r="D8" s="1" t="s">
        <v>27</v>
      </c>
      <c r="F8" s="1" t="s">
        <v>78</v>
      </c>
      <c r="G8" s="1" t="s">
        <v>218</v>
      </c>
      <c r="I8" s="1" t="s">
        <v>219</v>
      </c>
      <c r="J8" s="1" t="s">
        <v>220</v>
      </c>
      <c r="K8" s="1" t="s">
        <v>51</v>
      </c>
      <c r="L8" s="1" t="s">
        <v>33</v>
      </c>
      <c r="O8" s="1" t="s">
        <v>34</v>
      </c>
      <c r="P8" s="1" t="s">
        <v>93</v>
      </c>
      <c r="Q8" s="1" t="s">
        <v>217</v>
      </c>
      <c r="R8" s="1" t="s">
        <v>51</v>
      </c>
      <c r="S8" s="1" t="s">
        <v>181</v>
      </c>
      <c r="T8" s="1" t="s">
        <v>38</v>
      </c>
      <c r="U8" s="1">
        <v>9.1</v>
      </c>
      <c r="V8" s="1">
        <v>35000</v>
      </c>
      <c r="W8" s="1"/>
      <c r="X8" s="1">
        <v>2.8</v>
      </c>
      <c r="Y8" s="1">
        <v>0.23</v>
      </c>
      <c r="Z8" s="1">
        <v>6.0000000000000001E-3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3.3000000000000002E-2</v>
      </c>
      <c r="BC8" s="1">
        <v>2.2999999999999998</v>
      </c>
      <c r="BD8" s="1">
        <v>2.2999999999999998</v>
      </c>
      <c r="BE8" s="1"/>
      <c r="BF8" s="1"/>
      <c r="BG8" s="1"/>
      <c r="BH8" s="1"/>
      <c r="BI8" s="1"/>
      <c r="BJ8" s="1"/>
      <c r="BK8" s="1"/>
      <c r="BL8" s="1"/>
      <c r="BM8" s="1">
        <v>7.0000000000000007E-2</v>
      </c>
      <c r="BN8" s="1">
        <v>0.21</v>
      </c>
      <c r="BO8" s="1"/>
      <c r="BP8" s="1"/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5</v>
      </c>
      <c r="B9" s="2">
        <v>0.50347222222222221</v>
      </c>
      <c r="C9" s="1" t="s">
        <v>593</v>
      </c>
      <c r="D9" s="1" t="s">
        <v>27</v>
      </c>
      <c r="F9" s="1" t="s">
        <v>221</v>
      </c>
      <c r="G9" s="1" t="s">
        <v>81</v>
      </c>
      <c r="I9" s="1" t="s">
        <v>222</v>
      </c>
      <c r="J9" s="1" t="s">
        <v>223</v>
      </c>
      <c r="K9" s="1" t="s">
        <v>224</v>
      </c>
      <c r="L9" s="1" t="s">
        <v>33</v>
      </c>
      <c r="O9" s="1" t="s">
        <v>34</v>
      </c>
      <c r="Q9" s="1" t="s">
        <v>79</v>
      </c>
      <c r="R9" s="1" t="s">
        <v>62</v>
      </c>
      <c r="S9" s="1" t="s">
        <v>113</v>
      </c>
      <c r="T9" s="1" t="s">
        <v>38</v>
      </c>
      <c r="U9" s="1">
        <v>8.3000000000000007</v>
      </c>
      <c r="V9" s="1">
        <v>13000</v>
      </c>
      <c r="W9" s="1"/>
      <c r="X9" s="1">
        <v>3.6</v>
      </c>
      <c r="Y9" s="1">
        <v>0.25</v>
      </c>
      <c r="Z9" s="1">
        <v>8.0000000000000002E-3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2.8000000000000001E-2</v>
      </c>
      <c r="BC9" s="1">
        <v>2.8</v>
      </c>
      <c r="BD9" s="1">
        <v>2.8</v>
      </c>
      <c r="BE9" s="1"/>
      <c r="BF9" s="1"/>
      <c r="BG9" s="1"/>
      <c r="BH9" s="1"/>
      <c r="BI9" s="1"/>
      <c r="BJ9" s="1"/>
      <c r="BK9" s="1"/>
      <c r="BL9" s="1"/>
      <c r="BM9" s="1">
        <v>0.04</v>
      </c>
      <c r="BN9" s="1">
        <v>0.23</v>
      </c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107</v>
      </c>
      <c r="B10" s="2">
        <v>0.46875</v>
      </c>
      <c r="C10" s="1" t="s">
        <v>593</v>
      </c>
      <c r="D10" s="1" t="s">
        <v>45</v>
      </c>
      <c r="F10" s="1" t="s">
        <v>178</v>
      </c>
      <c r="G10" s="1" t="s">
        <v>225</v>
      </c>
      <c r="I10" s="1" t="s">
        <v>226</v>
      </c>
      <c r="J10" s="1" t="s">
        <v>227</v>
      </c>
      <c r="K10" s="1" t="s">
        <v>228</v>
      </c>
      <c r="L10" s="1" t="s">
        <v>33</v>
      </c>
      <c r="O10" s="1" t="s">
        <v>34</v>
      </c>
      <c r="Q10" s="1" t="s">
        <v>94</v>
      </c>
      <c r="R10" s="1" t="s">
        <v>87</v>
      </c>
      <c r="S10" s="1" t="s">
        <v>229</v>
      </c>
      <c r="T10" s="1" t="s">
        <v>114</v>
      </c>
      <c r="U10" s="1">
        <v>8.6</v>
      </c>
      <c r="V10" s="1">
        <v>13000</v>
      </c>
      <c r="W10" s="1"/>
      <c r="X10" s="1">
        <v>3.5</v>
      </c>
      <c r="Y10" s="1">
        <v>0.3</v>
      </c>
      <c r="Z10" s="1">
        <v>8.0000000000000002E-3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2.7E-2</v>
      </c>
      <c r="BC10" s="1">
        <v>3.1</v>
      </c>
      <c r="BD10" s="1">
        <v>3.1</v>
      </c>
      <c r="BE10" s="1"/>
      <c r="BF10" s="1"/>
      <c r="BG10" s="1"/>
      <c r="BH10" s="1"/>
      <c r="BI10" s="1"/>
      <c r="BJ10" s="1"/>
      <c r="BK10" s="1"/>
      <c r="BL10" s="1"/>
      <c r="BM10" s="1">
        <v>0.04</v>
      </c>
      <c r="BN10" s="1">
        <v>0.28000000000000003</v>
      </c>
      <c r="BO10" s="1"/>
      <c r="BP10" s="1"/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117</v>
      </c>
      <c r="B11" s="2">
        <v>0.51041666666666663</v>
      </c>
      <c r="C11" s="1" t="s">
        <v>593</v>
      </c>
      <c r="D11" s="1" t="s">
        <v>45</v>
      </c>
      <c r="F11" s="1" t="s">
        <v>230</v>
      </c>
      <c r="G11" s="1" t="s">
        <v>129</v>
      </c>
      <c r="I11" s="1" t="s">
        <v>231</v>
      </c>
      <c r="J11" s="1" t="s">
        <v>104</v>
      </c>
      <c r="K11" s="1" t="s">
        <v>232</v>
      </c>
      <c r="L11" s="1" t="s">
        <v>33</v>
      </c>
      <c r="O11" s="1" t="s">
        <v>34</v>
      </c>
      <c r="Q11" s="1" t="s">
        <v>94</v>
      </c>
      <c r="R11" s="1" t="s">
        <v>180</v>
      </c>
      <c r="S11" s="1" t="s">
        <v>233</v>
      </c>
      <c r="T11" s="1" t="s">
        <v>38</v>
      </c>
      <c r="U11" s="1">
        <v>10</v>
      </c>
      <c r="V11" s="1">
        <v>3300</v>
      </c>
      <c r="W11" s="1"/>
      <c r="X11" s="1">
        <v>5.3</v>
      </c>
      <c r="Y11" s="1">
        <v>0.33</v>
      </c>
      <c r="Z11" s="1">
        <v>8.0000000000000002E-3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3.2000000000000001E-2</v>
      </c>
      <c r="BC11" s="1">
        <v>4.4000000000000004</v>
      </c>
      <c r="BD11" s="1">
        <v>4.4000000000000004</v>
      </c>
      <c r="BE11" s="1"/>
      <c r="BF11" s="1"/>
      <c r="BG11" s="1"/>
      <c r="BH11" s="1"/>
      <c r="BI11" s="1"/>
      <c r="BJ11" s="1"/>
      <c r="BK11" s="1"/>
      <c r="BL11" s="1"/>
      <c r="BM11" s="1">
        <v>0.01</v>
      </c>
      <c r="BN11" s="1">
        <v>0.28999999999999998</v>
      </c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27</v>
      </c>
      <c r="B12" s="2">
        <v>0.4548611111111111</v>
      </c>
      <c r="C12" s="1" t="s">
        <v>593</v>
      </c>
      <c r="D12" s="1" t="s">
        <v>27</v>
      </c>
      <c r="F12" s="1" t="s">
        <v>191</v>
      </c>
      <c r="G12" s="1" t="s">
        <v>234</v>
      </c>
      <c r="I12" s="1" t="s">
        <v>235</v>
      </c>
      <c r="J12" s="1" t="s">
        <v>111</v>
      </c>
      <c r="K12" s="1" t="s">
        <v>135</v>
      </c>
      <c r="L12" s="1" t="s">
        <v>33</v>
      </c>
      <c r="O12" s="1" t="s">
        <v>34</v>
      </c>
      <c r="Q12" s="1" t="s">
        <v>94</v>
      </c>
      <c r="R12" s="1" t="s">
        <v>165</v>
      </c>
      <c r="S12" s="1" t="s">
        <v>236</v>
      </c>
      <c r="T12" s="1" t="s">
        <v>158</v>
      </c>
      <c r="U12" s="1">
        <v>9.6</v>
      </c>
      <c r="V12" s="1">
        <v>7000</v>
      </c>
      <c r="W12" s="1"/>
      <c r="X12" s="1">
        <v>5.9</v>
      </c>
      <c r="Y12" s="1">
        <v>0.35</v>
      </c>
      <c r="Z12" s="1">
        <v>1.0999999999999999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2.5000000000000001E-2</v>
      </c>
      <c r="BC12" s="1">
        <v>4.9000000000000004</v>
      </c>
      <c r="BD12" s="1">
        <v>4.9000000000000004</v>
      </c>
      <c r="BE12" s="1"/>
      <c r="BF12" s="1"/>
      <c r="BG12" s="1"/>
      <c r="BH12" s="1"/>
      <c r="BI12" s="1"/>
      <c r="BJ12" s="1"/>
      <c r="BK12" s="1"/>
      <c r="BL12" s="1"/>
      <c r="BM12" s="1">
        <v>0.01</v>
      </c>
      <c r="BN12" s="1">
        <v>0.34</v>
      </c>
      <c r="BO12" s="1"/>
      <c r="BP12" s="1"/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36</v>
      </c>
      <c r="B13" s="2">
        <v>0.49305555555555558</v>
      </c>
      <c r="C13" s="1" t="s">
        <v>593</v>
      </c>
      <c r="D13" s="1" t="s">
        <v>45</v>
      </c>
      <c r="F13" s="1" t="s">
        <v>199</v>
      </c>
      <c r="G13" s="1" t="s">
        <v>237</v>
      </c>
      <c r="I13" s="1" t="s">
        <v>238</v>
      </c>
      <c r="J13" s="1" t="s">
        <v>84</v>
      </c>
      <c r="K13" s="1" t="s">
        <v>239</v>
      </c>
      <c r="L13" s="1" t="s">
        <v>33</v>
      </c>
      <c r="O13" s="1" t="s">
        <v>34</v>
      </c>
      <c r="Q13" s="1" t="s">
        <v>94</v>
      </c>
      <c r="R13" s="1" t="s">
        <v>51</v>
      </c>
      <c r="S13" s="1" t="s">
        <v>132</v>
      </c>
      <c r="T13" s="1" t="s">
        <v>114</v>
      </c>
      <c r="U13" s="1">
        <v>12</v>
      </c>
      <c r="V13" s="1">
        <v>3300</v>
      </c>
      <c r="W13" s="1"/>
      <c r="X13" s="1">
        <v>5.8</v>
      </c>
      <c r="Y13" s="1">
        <v>0.3</v>
      </c>
      <c r="Z13" s="1">
        <v>1.0999999999999999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2.8000000000000001E-2</v>
      </c>
      <c r="BC13" s="1">
        <v>1.9</v>
      </c>
      <c r="BD13" s="1">
        <v>1.9</v>
      </c>
      <c r="BE13" s="1"/>
      <c r="BF13" s="1"/>
      <c r="BG13" s="1"/>
      <c r="BH13" s="1"/>
      <c r="BI13" s="1"/>
      <c r="BJ13" s="1"/>
      <c r="BK13" s="1"/>
      <c r="BL13" s="1"/>
      <c r="BM13" s="1">
        <v>0.01</v>
      </c>
      <c r="BN13" s="1">
        <v>0.27</v>
      </c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47</v>
      </c>
      <c r="B14" s="2">
        <v>0.53472222222222221</v>
      </c>
      <c r="C14" s="1" t="s">
        <v>593</v>
      </c>
      <c r="D14" s="1" t="s">
        <v>27</v>
      </c>
      <c r="F14" s="1" t="s">
        <v>193</v>
      </c>
      <c r="G14" s="1" t="s">
        <v>200</v>
      </c>
      <c r="I14" s="1" t="s">
        <v>240</v>
      </c>
      <c r="J14" s="1" t="s">
        <v>223</v>
      </c>
      <c r="K14" s="1" t="s">
        <v>241</v>
      </c>
      <c r="L14" s="1" t="s">
        <v>33</v>
      </c>
      <c r="O14" s="1" t="s">
        <v>34</v>
      </c>
      <c r="Q14" s="1" t="s">
        <v>242</v>
      </c>
      <c r="R14" s="1" t="s">
        <v>51</v>
      </c>
      <c r="S14" s="1" t="s">
        <v>63</v>
      </c>
      <c r="T14" s="1" t="s">
        <v>114</v>
      </c>
      <c r="U14" s="1">
        <v>12</v>
      </c>
      <c r="V14" s="1">
        <v>4900</v>
      </c>
      <c r="W14" s="1"/>
      <c r="X14" s="1">
        <v>5.5</v>
      </c>
      <c r="Y14" s="1">
        <v>0.38</v>
      </c>
      <c r="Z14" s="1">
        <v>1.2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4.8000000000000001E-2</v>
      </c>
      <c r="BC14" s="1">
        <v>4.8</v>
      </c>
      <c r="BD14" s="1">
        <v>4.8</v>
      </c>
      <c r="BE14" s="1"/>
      <c r="BF14" s="1"/>
      <c r="BG14" s="1"/>
      <c r="BH14" s="1"/>
      <c r="BI14" s="1"/>
      <c r="BJ14" s="1"/>
      <c r="BK14" s="1"/>
      <c r="BL14" s="1"/>
      <c r="BM14" s="1">
        <v>0.03</v>
      </c>
      <c r="BN14" s="1">
        <v>0.34</v>
      </c>
      <c r="BO14" s="1"/>
      <c r="BP14" s="1"/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53</v>
      </c>
      <c r="B15" s="2">
        <v>0.46875</v>
      </c>
      <c r="C15" s="1" t="s">
        <v>593</v>
      </c>
      <c r="D15" s="1" t="s">
        <v>27</v>
      </c>
      <c r="F15" s="1" t="s">
        <v>243</v>
      </c>
      <c r="G15" s="1" t="s">
        <v>244</v>
      </c>
      <c r="I15" s="1" t="s">
        <v>245</v>
      </c>
      <c r="J15" s="1" t="s">
        <v>84</v>
      </c>
      <c r="K15" s="1" t="s">
        <v>121</v>
      </c>
      <c r="L15" s="1" t="s">
        <v>33</v>
      </c>
      <c r="O15" s="1" t="s">
        <v>41</v>
      </c>
      <c r="Q15" s="1" t="s">
        <v>35</v>
      </c>
      <c r="R15" s="1" t="s">
        <v>160</v>
      </c>
      <c r="S15" s="1" t="s">
        <v>137</v>
      </c>
      <c r="T15" s="1" t="s">
        <v>114</v>
      </c>
      <c r="U15" s="1">
        <v>9.6999999999999993</v>
      </c>
      <c r="V15" s="1">
        <v>4900</v>
      </c>
      <c r="W15" s="1"/>
      <c r="X15" s="1">
        <v>4.5</v>
      </c>
      <c r="Y15" s="1">
        <v>0.39</v>
      </c>
      <c r="Z15" s="1">
        <v>1.2999999999999999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5.7000000000000002E-2</v>
      </c>
      <c r="BC15" s="1">
        <v>3.3</v>
      </c>
      <c r="BD15" s="1">
        <v>3.3</v>
      </c>
      <c r="BE15" s="1"/>
      <c r="BF15" s="1"/>
      <c r="BG15" s="1"/>
      <c r="BH15" s="1"/>
      <c r="BI15" s="1"/>
      <c r="BJ15" s="1"/>
      <c r="BK15" s="1"/>
      <c r="BL15" s="1"/>
      <c r="BM15" s="1">
        <v>0.09</v>
      </c>
      <c r="BN15" s="1">
        <v>0.35</v>
      </c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</sheetData>
  <phoneticPr fontId="18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70"/>
  <sheetViews>
    <sheetView zoomScale="85" zoomScaleNormal="85" workbookViewId="0">
      <pane xSplit="3" ySplit="3" topLeftCell="D4" activePane="bottomRight" state="frozen"/>
      <selection activeCell="D4" sqref="D4"/>
      <selection pane="topRight" activeCell="D4" sqref="D4"/>
      <selection pane="bottomLeft" activeCell="D4" sqref="D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3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40625</v>
      </c>
      <c r="C4" s="1" t="s">
        <v>593</v>
      </c>
      <c r="D4" s="1" t="s">
        <v>27</v>
      </c>
      <c r="F4" s="1" t="s">
        <v>115</v>
      </c>
      <c r="G4" s="1" t="s">
        <v>246</v>
      </c>
      <c r="I4" s="1" t="s">
        <v>247</v>
      </c>
      <c r="J4" s="1" t="s">
        <v>248</v>
      </c>
      <c r="K4" s="1" t="s">
        <v>249</v>
      </c>
      <c r="L4" s="1" t="s">
        <v>33</v>
      </c>
      <c r="O4" s="1" t="s">
        <v>34</v>
      </c>
      <c r="P4" s="1" t="s">
        <v>93</v>
      </c>
      <c r="Q4" s="1" t="s">
        <v>122</v>
      </c>
      <c r="R4" s="1" t="s">
        <v>43</v>
      </c>
      <c r="S4" s="1" t="s">
        <v>52</v>
      </c>
      <c r="T4" s="1" t="s">
        <v>166</v>
      </c>
      <c r="U4" s="1">
        <v>7.9</v>
      </c>
      <c r="V4" s="1">
        <v>3300</v>
      </c>
      <c r="W4" s="1"/>
      <c r="X4" s="1">
        <v>4.7</v>
      </c>
      <c r="Y4" s="1">
        <v>0.33</v>
      </c>
      <c r="Z4" s="1">
        <v>1.4999999999999999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4.8000000000000001E-2</v>
      </c>
      <c r="BC4" s="1">
        <v>4.4000000000000004</v>
      </c>
      <c r="BD4" s="1">
        <v>4.4000000000000004</v>
      </c>
      <c r="BE4" s="1"/>
      <c r="BF4" s="1"/>
      <c r="BG4" s="1"/>
      <c r="BH4" s="1"/>
      <c r="BI4" s="1"/>
      <c r="BJ4" s="1"/>
      <c r="BK4" s="1"/>
      <c r="BL4" s="1"/>
      <c r="BM4" s="1">
        <v>0.04</v>
      </c>
      <c r="BN4" s="1">
        <v>0.3</v>
      </c>
      <c r="BO4" s="1"/>
      <c r="BP4" s="1"/>
      <c r="BQ4" s="1"/>
      <c r="BR4" s="1"/>
      <c r="BS4" s="1"/>
      <c r="BT4" s="1"/>
      <c r="BU4" s="1">
        <v>5.6000000000000001E-2</v>
      </c>
      <c r="BV4" s="1">
        <v>1.95E-2</v>
      </c>
      <c r="BW4" s="1">
        <v>1.95E-2</v>
      </c>
      <c r="BX4" s="1">
        <v>1.49E-2</v>
      </c>
      <c r="BY4" s="1">
        <v>2.2000000000000001E-3</v>
      </c>
      <c r="BZ4" s="1"/>
    </row>
    <row r="5" spans="1:78" x14ac:dyDescent="0.15">
      <c r="B5" s="2">
        <v>0.89236111111111116</v>
      </c>
      <c r="C5" s="1" t="s">
        <v>593</v>
      </c>
      <c r="D5" s="1" t="s">
        <v>27</v>
      </c>
      <c r="F5" s="1" t="s">
        <v>109</v>
      </c>
      <c r="G5" s="1" t="s">
        <v>129</v>
      </c>
      <c r="I5" s="1" t="s">
        <v>250</v>
      </c>
      <c r="J5" s="1" t="s">
        <v>251</v>
      </c>
      <c r="K5" s="1" t="s">
        <v>252</v>
      </c>
      <c r="L5" s="1" t="s">
        <v>33</v>
      </c>
      <c r="O5" s="1" t="s">
        <v>34</v>
      </c>
      <c r="P5" s="1" t="s">
        <v>93</v>
      </c>
      <c r="Q5" s="1" t="s">
        <v>253</v>
      </c>
      <c r="R5" s="1" t="s">
        <v>51</v>
      </c>
      <c r="T5" s="1" t="s">
        <v>114</v>
      </c>
      <c r="U5" s="1">
        <v>10</v>
      </c>
      <c r="V5" s="1"/>
      <c r="W5" s="1"/>
      <c r="X5" s="1">
        <v>5.2</v>
      </c>
      <c r="Y5" s="1">
        <v>0.32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38194444444444442</v>
      </c>
      <c r="C6" s="1" t="s">
        <v>593</v>
      </c>
      <c r="D6" s="1" t="s">
        <v>45</v>
      </c>
      <c r="F6" s="1" t="s">
        <v>254</v>
      </c>
      <c r="G6" s="1" t="s">
        <v>58</v>
      </c>
      <c r="I6" s="1" t="s">
        <v>255</v>
      </c>
      <c r="J6" s="1" t="s">
        <v>256</v>
      </c>
      <c r="K6" s="1" t="s">
        <v>257</v>
      </c>
      <c r="L6" s="1" t="s">
        <v>33</v>
      </c>
      <c r="O6" s="1" t="s">
        <v>41</v>
      </c>
      <c r="P6" s="1" t="s">
        <v>93</v>
      </c>
      <c r="Q6" s="1" t="s">
        <v>122</v>
      </c>
      <c r="R6" s="1" t="s">
        <v>62</v>
      </c>
      <c r="S6" s="1" t="s">
        <v>229</v>
      </c>
      <c r="T6" s="1" t="s">
        <v>38</v>
      </c>
      <c r="U6" s="1">
        <v>8</v>
      </c>
      <c r="V6" s="1">
        <v>7000</v>
      </c>
      <c r="W6" s="1"/>
      <c r="X6" s="1">
        <v>4.3</v>
      </c>
      <c r="Y6" s="1">
        <v>0.3</v>
      </c>
      <c r="Z6" s="1">
        <v>1.0999999999999999E-2</v>
      </c>
      <c r="AA6" s="1" t="s">
        <v>644</v>
      </c>
      <c r="AB6" s="1" t="s">
        <v>64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3.5999999999999997E-2</v>
      </c>
      <c r="BC6" s="1">
        <v>2.7</v>
      </c>
      <c r="BD6" s="1">
        <v>2.7</v>
      </c>
      <c r="BE6" s="1"/>
      <c r="BF6" s="1"/>
      <c r="BG6" s="1"/>
      <c r="BH6" s="1"/>
      <c r="BI6" s="1"/>
      <c r="BJ6" s="1"/>
      <c r="BK6" s="1"/>
      <c r="BL6" s="1"/>
      <c r="BM6" s="1">
        <v>0.03</v>
      </c>
      <c r="BN6" s="1">
        <v>0.28000000000000003</v>
      </c>
      <c r="BO6" s="1"/>
      <c r="BP6" s="1"/>
      <c r="BQ6" s="1"/>
      <c r="BR6" s="1"/>
      <c r="BS6" s="1"/>
      <c r="BT6" s="1"/>
      <c r="BU6" s="1">
        <v>4.2999999999999997E-2</v>
      </c>
      <c r="BV6" s="1">
        <v>1.6E-2</v>
      </c>
      <c r="BW6" s="1">
        <v>1.4999999999999999E-2</v>
      </c>
      <c r="BX6" s="1">
        <v>1.0999999999999999E-2</v>
      </c>
      <c r="BY6" s="1">
        <v>1.4E-3</v>
      </c>
      <c r="BZ6" s="1"/>
    </row>
    <row r="7" spans="1:78" x14ac:dyDescent="0.15">
      <c r="B7" s="2">
        <v>0.86458333333333337</v>
      </c>
      <c r="C7" s="1" t="s">
        <v>593</v>
      </c>
      <c r="D7" s="1" t="s">
        <v>45</v>
      </c>
      <c r="F7" s="1" t="s">
        <v>46</v>
      </c>
      <c r="G7" s="1" t="s">
        <v>258</v>
      </c>
      <c r="I7" s="1" t="s">
        <v>259</v>
      </c>
      <c r="J7" s="1" t="s">
        <v>260</v>
      </c>
      <c r="K7" s="1" t="s">
        <v>261</v>
      </c>
      <c r="L7" s="1" t="s">
        <v>33</v>
      </c>
      <c r="O7" s="1" t="s">
        <v>41</v>
      </c>
      <c r="P7" s="1" t="s">
        <v>93</v>
      </c>
      <c r="Q7" s="1" t="s">
        <v>122</v>
      </c>
      <c r="R7" s="1" t="s">
        <v>180</v>
      </c>
      <c r="T7" s="1" t="s">
        <v>114</v>
      </c>
      <c r="U7" s="1">
        <v>7.3</v>
      </c>
      <c r="V7" s="1"/>
      <c r="W7" s="1"/>
      <c r="X7" s="1">
        <v>4.5999999999999996</v>
      </c>
      <c r="Y7" s="1">
        <v>0.33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6</v>
      </c>
      <c r="B8" s="2">
        <v>0.35000000000000003</v>
      </c>
      <c r="C8" s="1" t="s">
        <v>593</v>
      </c>
      <c r="D8" s="1" t="s">
        <v>57</v>
      </c>
      <c r="F8" s="1" t="s">
        <v>168</v>
      </c>
      <c r="G8" s="1" t="s">
        <v>54</v>
      </c>
      <c r="I8" s="1" t="s">
        <v>262</v>
      </c>
      <c r="J8" s="1" t="s">
        <v>263</v>
      </c>
      <c r="K8" s="1" t="s">
        <v>264</v>
      </c>
      <c r="L8" s="1" t="s">
        <v>33</v>
      </c>
      <c r="O8" s="1" t="s">
        <v>41</v>
      </c>
      <c r="P8" s="1" t="s">
        <v>93</v>
      </c>
      <c r="Q8" s="1" t="s">
        <v>122</v>
      </c>
      <c r="R8" s="1" t="s">
        <v>92</v>
      </c>
      <c r="S8" s="1" t="s">
        <v>101</v>
      </c>
      <c r="T8" s="1" t="s">
        <v>43</v>
      </c>
      <c r="U8" s="1">
        <v>6.8</v>
      </c>
      <c r="V8" s="1">
        <v>1400</v>
      </c>
      <c r="W8" s="1"/>
      <c r="X8" s="1">
        <v>5.9</v>
      </c>
      <c r="Y8" s="1">
        <v>0.24</v>
      </c>
      <c r="Z8" s="1">
        <v>8.9999999999999993E-3</v>
      </c>
      <c r="AA8" s="1" t="s">
        <v>646</v>
      </c>
      <c r="AB8" s="1" t="s">
        <v>64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3.5999999999999997E-2</v>
      </c>
      <c r="BC8" s="1">
        <v>3.7</v>
      </c>
      <c r="BD8" s="1">
        <v>3.7</v>
      </c>
      <c r="BE8" s="1"/>
      <c r="BF8" s="1"/>
      <c r="BG8" s="1"/>
      <c r="BH8" s="1"/>
      <c r="BI8" s="1"/>
      <c r="BJ8" s="1"/>
      <c r="BK8" s="1"/>
      <c r="BL8" s="1"/>
      <c r="BM8" s="1">
        <v>0.01</v>
      </c>
      <c r="BN8" s="1">
        <v>0.22</v>
      </c>
      <c r="BO8" s="1"/>
      <c r="BP8" s="1"/>
      <c r="BQ8" s="1"/>
      <c r="BR8" s="1"/>
      <c r="BS8" s="1"/>
      <c r="BT8" s="1"/>
      <c r="BU8" s="1">
        <v>5.0999999999999997E-2</v>
      </c>
      <c r="BV8" s="1">
        <v>1.7000000000000001E-2</v>
      </c>
      <c r="BW8" s="1">
        <v>1.7000000000000001E-2</v>
      </c>
      <c r="BX8" s="1">
        <v>1.4999999999999999E-2</v>
      </c>
      <c r="BY8" s="1">
        <v>2.3999999999999998E-3</v>
      </c>
      <c r="BZ8" s="1"/>
    </row>
    <row r="9" spans="1:78" x14ac:dyDescent="0.15">
      <c r="B9" s="2">
        <v>0.88541666666666663</v>
      </c>
      <c r="C9" s="1" t="s">
        <v>593</v>
      </c>
      <c r="D9" s="1" t="s">
        <v>57</v>
      </c>
      <c r="F9" s="1" t="s">
        <v>265</v>
      </c>
      <c r="G9" s="1" t="s">
        <v>266</v>
      </c>
      <c r="I9" s="1" t="s">
        <v>267</v>
      </c>
      <c r="J9" s="1" t="s">
        <v>268</v>
      </c>
      <c r="K9" s="1" t="s">
        <v>269</v>
      </c>
      <c r="L9" s="1" t="s">
        <v>33</v>
      </c>
      <c r="O9" s="1" t="s">
        <v>41</v>
      </c>
      <c r="Q9" s="1" t="s">
        <v>122</v>
      </c>
      <c r="R9" s="1" t="s">
        <v>165</v>
      </c>
      <c r="T9" s="1" t="s">
        <v>114</v>
      </c>
      <c r="U9" s="1">
        <v>6.9</v>
      </c>
      <c r="V9" s="1"/>
      <c r="W9" s="1"/>
      <c r="X9" s="1">
        <v>4.8</v>
      </c>
      <c r="Y9" s="1">
        <v>0.23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38541666666666669</v>
      </c>
      <c r="C10" s="1" t="s">
        <v>594</v>
      </c>
      <c r="D10" s="1" t="s">
        <v>27</v>
      </c>
      <c r="F10" s="1" t="s">
        <v>270</v>
      </c>
      <c r="G10" s="1" t="s">
        <v>271</v>
      </c>
      <c r="I10" s="1" t="s">
        <v>272</v>
      </c>
      <c r="J10" s="1" t="s">
        <v>273</v>
      </c>
      <c r="K10" s="1" t="s">
        <v>274</v>
      </c>
      <c r="L10" s="1" t="s">
        <v>33</v>
      </c>
      <c r="O10" s="1" t="s">
        <v>41</v>
      </c>
      <c r="P10" s="1" t="s">
        <v>93</v>
      </c>
      <c r="Q10" s="1" t="s">
        <v>86</v>
      </c>
      <c r="R10" s="1" t="s">
        <v>51</v>
      </c>
      <c r="S10" s="1" t="s">
        <v>101</v>
      </c>
      <c r="T10" s="1" t="s">
        <v>43</v>
      </c>
      <c r="U10" s="1">
        <v>5.5</v>
      </c>
      <c r="V10" s="1">
        <v>4900</v>
      </c>
      <c r="W10" s="1"/>
      <c r="X10" s="1">
        <v>3.9</v>
      </c>
      <c r="Y10" s="1">
        <v>0.24</v>
      </c>
      <c r="Z10" s="1">
        <v>1.7999999999999999E-2</v>
      </c>
      <c r="AA10" s="1" t="s">
        <v>646</v>
      </c>
      <c r="AB10" s="1" t="s">
        <v>64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3.7999999999999999E-2</v>
      </c>
      <c r="BC10" s="1">
        <v>3</v>
      </c>
      <c r="BD10" s="1">
        <v>3</v>
      </c>
      <c r="BE10" s="1"/>
      <c r="BF10" s="1"/>
      <c r="BG10" s="1"/>
      <c r="BH10" s="1"/>
      <c r="BI10" s="1"/>
      <c r="BJ10" s="1"/>
      <c r="BK10" s="1"/>
      <c r="BL10" s="1"/>
      <c r="BM10" s="1">
        <v>0.05</v>
      </c>
      <c r="BN10" s="1">
        <v>0.2</v>
      </c>
      <c r="BO10" s="1"/>
      <c r="BP10" s="1"/>
      <c r="BQ10" s="1"/>
      <c r="BR10" s="1"/>
      <c r="BS10" s="1"/>
      <c r="BT10" s="1"/>
      <c r="BU10" s="1">
        <v>5.2999999999999999E-2</v>
      </c>
      <c r="BV10" s="1">
        <v>2.1999999999999999E-2</v>
      </c>
      <c r="BW10" s="1">
        <v>1.7000000000000001E-2</v>
      </c>
      <c r="BX10" s="1">
        <v>1.2E-2</v>
      </c>
      <c r="BY10" s="1">
        <v>2.0999999999999999E-3</v>
      </c>
      <c r="BZ10" s="1"/>
    </row>
    <row r="11" spans="1:78" x14ac:dyDescent="0.15">
      <c r="B11" s="2">
        <v>0.88888888888888884</v>
      </c>
      <c r="C11" s="1" t="s">
        <v>594</v>
      </c>
      <c r="D11" s="1" t="s">
        <v>27</v>
      </c>
      <c r="F11" s="1" t="s">
        <v>275</v>
      </c>
      <c r="G11" s="1" t="s">
        <v>215</v>
      </c>
      <c r="I11" s="1" t="s">
        <v>250</v>
      </c>
      <c r="J11" s="1" t="s">
        <v>273</v>
      </c>
      <c r="K11" s="1" t="s">
        <v>276</v>
      </c>
      <c r="L11" s="1" t="s">
        <v>33</v>
      </c>
      <c r="O11" s="1" t="s">
        <v>41</v>
      </c>
      <c r="P11" s="1" t="s">
        <v>93</v>
      </c>
      <c r="Q11" s="1" t="s">
        <v>154</v>
      </c>
      <c r="R11" s="1" t="s">
        <v>36</v>
      </c>
      <c r="T11" s="1" t="s">
        <v>158</v>
      </c>
      <c r="U11" s="1">
        <v>9.1</v>
      </c>
      <c r="V11" s="1"/>
      <c r="W11" s="1"/>
      <c r="X11" s="1">
        <v>3.8</v>
      </c>
      <c r="Y11" s="1">
        <v>0.27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0</v>
      </c>
      <c r="B12" s="2">
        <v>0.42708333333333331</v>
      </c>
      <c r="C12" s="1" t="s">
        <v>594</v>
      </c>
      <c r="D12" s="1" t="s">
        <v>27</v>
      </c>
      <c r="F12" s="1" t="s">
        <v>275</v>
      </c>
      <c r="G12" s="1" t="s">
        <v>90</v>
      </c>
      <c r="I12" s="1" t="s">
        <v>277</v>
      </c>
      <c r="J12" s="1" t="s">
        <v>273</v>
      </c>
      <c r="K12" s="1" t="s">
        <v>276</v>
      </c>
      <c r="L12" s="1" t="s">
        <v>33</v>
      </c>
      <c r="O12" s="1" t="s">
        <v>41</v>
      </c>
      <c r="P12" s="1" t="s">
        <v>93</v>
      </c>
      <c r="Q12" s="1" t="s">
        <v>94</v>
      </c>
      <c r="R12" s="1" t="s">
        <v>180</v>
      </c>
      <c r="S12" s="1" t="s">
        <v>181</v>
      </c>
      <c r="T12" s="1" t="s">
        <v>43</v>
      </c>
      <c r="U12" s="1">
        <v>8.1999999999999993</v>
      </c>
      <c r="V12" s="1">
        <v>14000</v>
      </c>
      <c r="W12" s="1"/>
      <c r="X12" s="1">
        <v>2.4</v>
      </c>
      <c r="Y12" s="1">
        <v>0.23</v>
      </c>
      <c r="Z12" s="1">
        <v>1.2999999999999999E-2</v>
      </c>
      <c r="AA12" s="1" t="s">
        <v>644</v>
      </c>
      <c r="AB12" s="1" t="s">
        <v>618</v>
      </c>
      <c r="AC12" s="1" t="s">
        <v>606</v>
      </c>
      <c r="AD12" s="1" t="s">
        <v>607</v>
      </c>
      <c r="AE12" s="1" t="s">
        <v>608</v>
      </c>
      <c r="AF12" s="1" t="s">
        <v>609</v>
      </c>
      <c r="AG12" s="1" t="s">
        <v>608</v>
      </c>
      <c r="AH12" s="1" t="s">
        <v>606</v>
      </c>
      <c r="AI12" s="1"/>
      <c r="AJ12" s="1" t="s">
        <v>606</v>
      </c>
      <c r="AK12" s="1" t="s">
        <v>610</v>
      </c>
      <c r="AL12" s="1" t="s">
        <v>610</v>
      </c>
      <c r="AM12" s="1" t="s">
        <v>610</v>
      </c>
      <c r="AN12" s="1" t="s">
        <v>610</v>
      </c>
      <c r="AO12" s="1" t="s">
        <v>610</v>
      </c>
      <c r="AP12" t="s">
        <v>610</v>
      </c>
      <c r="AQ12" s="1" t="s">
        <v>610</v>
      </c>
      <c r="AR12" s="1" t="s">
        <v>610</v>
      </c>
      <c r="AS12" s="1" t="s">
        <v>610</v>
      </c>
      <c r="AT12" s="1" t="s">
        <v>610</v>
      </c>
      <c r="AU12" s="1" t="s">
        <v>618</v>
      </c>
      <c r="AV12" s="1" t="s">
        <v>606</v>
      </c>
      <c r="AW12" s="1" t="s">
        <v>606</v>
      </c>
      <c r="AX12" s="1" t="s">
        <v>610</v>
      </c>
      <c r="AY12" s="1" t="s">
        <v>608</v>
      </c>
      <c r="AZ12" s="1">
        <v>0.06</v>
      </c>
      <c r="BA12" s="1" t="s">
        <v>612</v>
      </c>
      <c r="BB12" s="1">
        <v>2.8000000000000001E-2</v>
      </c>
      <c r="BC12" s="1">
        <v>2.1</v>
      </c>
      <c r="BD12" s="1">
        <v>2.1</v>
      </c>
      <c r="BE12" s="1" t="s">
        <v>609</v>
      </c>
      <c r="BF12" s="1" t="s">
        <v>609</v>
      </c>
      <c r="BG12" s="1">
        <v>4.0000000000000001E-3</v>
      </c>
      <c r="BH12" s="1" t="s">
        <v>612</v>
      </c>
      <c r="BI12" s="1" t="s">
        <v>612</v>
      </c>
      <c r="BJ12" s="1" t="s">
        <v>609</v>
      </c>
      <c r="BK12" s="1" t="s">
        <v>618</v>
      </c>
      <c r="BL12" s="1" t="s">
        <v>608</v>
      </c>
      <c r="BM12" s="1">
        <v>0.03</v>
      </c>
      <c r="BN12" s="1">
        <v>0.19</v>
      </c>
      <c r="BO12" s="1"/>
      <c r="BP12" s="1"/>
      <c r="BQ12" s="1"/>
      <c r="BR12" s="1"/>
      <c r="BS12" s="1"/>
      <c r="BT12" s="1"/>
      <c r="BU12" s="1">
        <v>3.2000000000000001E-2</v>
      </c>
      <c r="BV12" s="1">
        <v>1.4999999999999999E-2</v>
      </c>
      <c r="BW12" s="1">
        <v>9.2999999999999992E-3</v>
      </c>
      <c r="BX12" s="1">
        <v>7.1000000000000004E-3</v>
      </c>
      <c r="BY12" s="1">
        <v>8.0000000000000004E-4</v>
      </c>
      <c r="BZ12" s="1"/>
    </row>
    <row r="13" spans="1:78" x14ac:dyDescent="0.15">
      <c r="B13" s="2">
        <v>0.875</v>
      </c>
      <c r="C13" s="1" t="s">
        <v>594</v>
      </c>
      <c r="D13" s="1" t="s">
        <v>27</v>
      </c>
      <c r="F13" s="1" t="s">
        <v>209</v>
      </c>
      <c r="G13" s="1" t="s">
        <v>218</v>
      </c>
      <c r="I13" s="1" t="s">
        <v>278</v>
      </c>
      <c r="J13" s="1" t="s">
        <v>279</v>
      </c>
      <c r="K13" s="1" t="s">
        <v>280</v>
      </c>
      <c r="L13" s="1" t="s">
        <v>33</v>
      </c>
      <c r="O13" s="1" t="s">
        <v>41</v>
      </c>
      <c r="Q13" s="1" t="s">
        <v>242</v>
      </c>
      <c r="R13" s="1" t="s">
        <v>281</v>
      </c>
      <c r="T13" s="1" t="s">
        <v>114</v>
      </c>
      <c r="U13" s="1">
        <v>7.7</v>
      </c>
      <c r="V13" s="1"/>
      <c r="W13" s="1"/>
      <c r="X13" s="1">
        <v>2.2999999999999998</v>
      </c>
      <c r="Y13" s="1">
        <v>0.22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37847222222222227</v>
      </c>
      <c r="C14" s="1" t="s">
        <v>594</v>
      </c>
      <c r="D14" s="1" t="s">
        <v>27</v>
      </c>
      <c r="F14" s="1" t="s">
        <v>282</v>
      </c>
      <c r="G14" s="1" t="s">
        <v>97</v>
      </c>
      <c r="I14" s="1" t="s">
        <v>283</v>
      </c>
      <c r="J14" s="1" t="s">
        <v>146</v>
      </c>
      <c r="K14" s="1" t="s">
        <v>113</v>
      </c>
      <c r="L14" s="1" t="s">
        <v>33</v>
      </c>
      <c r="O14" s="1" t="s">
        <v>34</v>
      </c>
      <c r="P14" s="1" t="s">
        <v>93</v>
      </c>
      <c r="Q14" s="1" t="s">
        <v>79</v>
      </c>
      <c r="R14" s="1" t="s">
        <v>62</v>
      </c>
      <c r="S14" s="1" t="s">
        <v>88</v>
      </c>
      <c r="T14" s="1" t="s">
        <v>38</v>
      </c>
      <c r="U14" s="1">
        <v>6.8</v>
      </c>
      <c r="V14" s="1">
        <v>7900</v>
      </c>
      <c r="W14" s="1"/>
      <c r="X14" s="1">
        <v>3.3</v>
      </c>
      <c r="Y14" s="1">
        <v>0.23</v>
      </c>
      <c r="Z14" s="1">
        <v>1.0999999999999999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2</v>
      </c>
      <c r="BC14" s="1">
        <v>2.6</v>
      </c>
      <c r="BD14" s="1">
        <v>2.6</v>
      </c>
      <c r="BE14" s="1"/>
      <c r="BF14" s="1"/>
      <c r="BG14" s="1"/>
      <c r="BH14" s="1"/>
      <c r="BI14" s="1"/>
      <c r="BJ14" s="1"/>
      <c r="BK14" s="1"/>
      <c r="BL14" s="1"/>
      <c r="BM14" s="1">
        <v>0.03</v>
      </c>
      <c r="BN14" s="1">
        <v>0.2</v>
      </c>
      <c r="BO14" s="1"/>
      <c r="BP14" s="1"/>
      <c r="BQ14" s="1"/>
      <c r="BR14" s="1"/>
      <c r="BS14" s="1"/>
      <c r="BT14" s="1"/>
      <c r="BU14" s="1">
        <v>5.5E-2</v>
      </c>
      <c r="BV14" s="1">
        <v>2.4E-2</v>
      </c>
      <c r="BW14" s="1">
        <v>1.4E-2</v>
      </c>
      <c r="BX14" s="1">
        <v>1.4E-2</v>
      </c>
      <c r="BY14" s="1">
        <v>3.0999999999999999E-3</v>
      </c>
      <c r="BZ14" s="1"/>
    </row>
    <row r="15" spans="1:78" x14ac:dyDescent="0.15">
      <c r="B15" s="2">
        <v>0.87152777777777779</v>
      </c>
      <c r="C15" s="1" t="s">
        <v>594</v>
      </c>
      <c r="D15" s="1" t="s">
        <v>57</v>
      </c>
      <c r="F15" s="1" t="s">
        <v>39</v>
      </c>
      <c r="G15" s="1" t="s">
        <v>58</v>
      </c>
      <c r="I15" s="1" t="s">
        <v>284</v>
      </c>
      <c r="J15" s="1" t="s">
        <v>123</v>
      </c>
      <c r="K15" s="1" t="s">
        <v>285</v>
      </c>
      <c r="L15" s="1" t="s">
        <v>286</v>
      </c>
      <c r="O15" s="1" t="s">
        <v>287</v>
      </c>
      <c r="P15" s="1" t="s">
        <v>93</v>
      </c>
      <c r="Q15" s="1" t="s">
        <v>79</v>
      </c>
      <c r="R15" s="1" t="s">
        <v>51</v>
      </c>
      <c r="T15" s="1" t="s">
        <v>288</v>
      </c>
      <c r="U15" s="1">
        <v>7.2</v>
      </c>
      <c r="V15" s="1"/>
      <c r="W15" s="1"/>
      <c r="X15" s="1">
        <v>3.2</v>
      </c>
      <c r="Y15" s="1">
        <v>0.21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7</v>
      </c>
      <c r="B16" s="2">
        <v>0.36458333333333331</v>
      </c>
      <c r="C16" s="1" t="s">
        <v>593</v>
      </c>
      <c r="D16" s="1" t="s">
        <v>27</v>
      </c>
      <c r="F16" s="1" t="s">
        <v>289</v>
      </c>
      <c r="G16" s="1" t="s">
        <v>290</v>
      </c>
      <c r="I16" s="1" t="s">
        <v>255</v>
      </c>
      <c r="J16" s="1" t="s">
        <v>99</v>
      </c>
      <c r="K16" s="1" t="s">
        <v>291</v>
      </c>
      <c r="L16" s="1" t="s">
        <v>33</v>
      </c>
      <c r="O16" s="1" t="s">
        <v>41</v>
      </c>
      <c r="Q16" s="1" t="s">
        <v>94</v>
      </c>
      <c r="R16" s="1" t="s">
        <v>281</v>
      </c>
      <c r="S16" s="1" t="s">
        <v>292</v>
      </c>
      <c r="T16" s="1" t="s">
        <v>38</v>
      </c>
      <c r="U16" s="1">
        <v>8.3000000000000007</v>
      </c>
      <c r="V16" s="1">
        <v>13000</v>
      </c>
      <c r="W16" s="1"/>
      <c r="X16" s="1">
        <v>3.1</v>
      </c>
      <c r="Y16" s="1">
        <v>0.27</v>
      </c>
      <c r="Z16" s="1">
        <v>7.0000000000000001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1.4E-2</v>
      </c>
      <c r="BC16" s="1">
        <v>2.9</v>
      </c>
      <c r="BD16" s="1">
        <v>2.9</v>
      </c>
      <c r="BE16" s="1"/>
      <c r="BF16" s="1"/>
      <c r="BG16" s="1"/>
      <c r="BH16" s="1"/>
      <c r="BI16" s="1"/>
      <c r="BJ16" s="1"/>
      <c r="BK16" s="1"/>
      <c r="BL16" s="1"/>
      <c r="BM16" s="1">
        <v>0.02</v>
      </c>
      <c r="BN16" s="1">
        <v>0.25</v>
      </c>
      <c r="BO16" s="1"/>
      <c r="BP16" s="1"/>
      <c r="BQ16" s="1"/>
      <c r="BR16" s="1"/>
      <c r="BS16" s="1"/>
      <c r="BT16" s="1"/>
      <c r="BU16" s="1">
        <v>7.4999999999999997E-2</v>
      </c>
      <c r="BV16" s="1">
        <v>2.3E-2</v>
      </c>
      <c r="BW16" s="1">
        <v>1.4999999999999999E-2</v>
      </c>
      <c r="BX16" s="1">
        <v>1.7999999999999999E-2</v>
      </c>
      <c r="BY16" s="1">
        <v>1.9E-2</v>
      </c>
      <c r="BZ16" s="1"/>
    </row>
    <row r="17" spans="1:78" x14ac:dyDescent="0.15">
      <c r="B17" s="2">
        <v>0.86458333333333337</v>
      </c>
      <c r="C17" s="1" t="s">
        <v>593</v>
      </c>
      <c r="D17" s="1" t="s">
        <v>27</v>
      </c>
      <c r="F17" s="1" t="s">
        <v>293</v>
      </c>
      <c r="G17" s="1" t="s">
        <v>28</v>
      </c>
      <c r="I17" s="1" t="s">
        <v>255</v>
      </c>
      <c r="J17" s="1" t="s">
        <v>84</v>
      </c>
      <c r="K17" s="1" t="s">
        <v>85</v>
      </c>
      <c r="L17" s="1" t="s">
        <v>33</v>
      </c>
      <c r="O17" s="1" t="s">
        <v>34</v>
      </c>
      <c r="Q17" s="1" t="s">
        <v>79</v>
      </c>
      <c r="R17" s="1" t="s">
        <v>281</v>
      </c>
      <c r="T17" s="1" t="s">
        <v>38</v>
      </c>
      <c r="U17" s="1">
        <v>8</v>
      </c>
      <c r="V17" s="1"/>
      <c r="W17" s="1"/>
      <c r="X17" s="1">
        <v>3.7</v>
      </c>
      <c r="Y17" s="1">
        <v>0.3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2986111111111111</v>
      </c>
      <c r="C18" s="1" t="s">
        <v>593</v>
      </c>
      <c r="D18" s="1" t="s">
        <v>27</v>
      </c>
      <c r="F18" s="1" t="s">
        <v>125</v>
      </c>
      <c r="G18" s="1" t="s">
        <v>294</v>
      </c>
      <c r="I18" s="1" t="s">
        <v>295</v>
      </c>
      <c r="J18" s="1" t="s">
        <v>74</v>
      </c>
      <c r="K18" s="1" t="s">
        <v>75</v>
      </c>
      <c r="L18" s="1" t="s">
        <v>33</v>
      </c>
      <c r="O18" s="1" t="s">
        <v>41</v>
      </c>
      <c r="Q18" s="1" t="s">
        <v>86</v>
      </c>
      <c r="R18" s="1" t="s">
        <v>281</v>
      </c>
      <c r="S18" s="1" t="s">
        <v>114</v>
      </c>
      <c r="T18" s="1" t="s">
        <v>38</v>
      </c>
      <c r="U18" s="1">
        <v>7.7</v>
      </c>
      <c r="V18" s="1">
        <v>3300</v>
      </c>
      <c r="W18" s="1"/>
      <c r="X18" s="1">
        <v>5.3</v>
      </c>
      <c r="Y18" s="1">
        <v>0.3</v>
      </c>
      <c r="Z18" s="1">
        <v>8.0000000000000002E-3</v>
      </c>
      <c r="AA18" s="1" t="s">
        <v>644</v>
      </c>
      <c r="AB18" s="1" t="s">
        <v>61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2.3E-2</v>
      </c>
      <c r="BC18" s="1">
        <v>4.3</v>
      </c>
      <c r="BD18" s="1">
        <v>4.3</v>
      </c>
      <c r="BE18" s="1"/>
      <c r="BF18" s="1"/>
      <c r="BG18" s="1"/>
      <c r="BH18" s="1"/>
      <c r="BI18" s="1"/>
      <c r="BJ18" s="1"/>
      <c r="BK18" s="1"/>
      <c r="BL18" s="1"/>
      <c r="BM18" s="1">
        <v>0.01</v>
      </c>
      <c r="BN18" s="1">
        <v>0.28000000000000003</v>
      </c>
      <c r="BO18" s="1"/>
      <c r="BP18" s="1"/>
      <c r="BQ18" s="1"/>
      <c r="BR18" s="1"/>
      <c r="BS18" s="1"/>
      <c r="BT18" s="1"/>
      <c r="BU18" s="1">
        <v>5.8000000000000003E-2</v>
      </c>
      <c r="BV18" s="1">
        <v>2.7E-2</v>
      </c>
      <c r="BW18" s="1">
        <v>1.4999999999999999E-2</v>
      </c>
      <c r="BX18" s="1">
        <v>1.4E-2</v>
      </c>
      <c r="BY18" s="1">
        <v>2.7000000000000001E-3</v>
      </c>
      <c r="BZ18" s="1"/>
    </row>
    <row r="19" spans="1:78" x14ac:dyDescent="0.15">
      <c r="B19" s="2">
        <v>0.78472222222222221</v>
      </c>
      <c r="C19" s="1" t="s">
        <v>593</v>
      </c>
      <c r="D19" s="1" t="s">
        <v>45</v>
      </c>
      <c r="F19" s="1" t="s">
        <v>296</v>
      </c>
      <c r="G19" s="1" t="s">
        <v>246</v>
      </c>
      <c r="I19" s="1" t="s">
        <v>295</v>
      </c>
      <c r="J19" s="1" t="s">
        <v>74</v>
      </c>
      <c r="K19" s="1" t="s">
        <v>75</v>
      </c>
      <c r="L19" s="1" t="s">
        <v>33</v>
      </c>
      <c r="O19" s="1" t="s">
        <v>41</v>
      </c>
      <c r="P19" s="1" t="s">
        <v>93</v>
      </c>
      <c r="Q19" s="1" t="s">
        <v>94</v>
      </c>
      <c r="R19" s="1" t="s">
        <v>87</v>
      </c>
      <c r="T19" s="1" t="s">
        <v>38</v>
      </c>
      <c r="U19" s="1">
        <v>9.4</v>
      </c>
      <c r="V19" s="1"/>
      <c r="W19" s="1"/>
      <c r="X19" s="1">
        <v>5.3</v>
      </c>
      <c r="Y19" s="1">
        <v>0.32</v>
      </c>
      <c r="Z19" s="1"/>
      <c r="AA19" s="1" t="s">
        <v>646</v>
      </c>
      <c r="AB19" s="1" t="s">
        <v>64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7</v>
      </c>
      <c r="B20" s="2">
        <v>0.36458333333333331</v>
      </c>
      <c r="C20" s="1" t="s">
        <v>594</v>
      </c>
      <c r="D20" s="1" t="s">
        <v>27</v>
      </c>
      <c r="F20" s="1" t="s">
        <v>161</v>
      </c>
      <c r="G20" s="1" t="s">
        <v>128</v>
      </c>
      <c r="I20" s="1" t="s">
        <v>272</v>
      </c>
      <c r="J20" s="1" t="s">
        <v>297</v>
      </c>
      <c r="K20" s="1" t="s">
        <v>88</v>
      </c>
      <c r="L20" s="1" t="s">
        <v>33</v>
      </c>
      <c r="O20" s="1" t="s">
        <v>41</v>
      </c>
      <c r="Q20" s="1" t="s">
        <v>86</v>
      </c>
      <c r="R20" s="1" t="s">
        <v>165</v>
      </c>
      <c r="S20" s="1" t="s">
        <v>52</v>
      </c>
      <c r="T20" s="1" t="s">
        <v>114</v>
      </c>
      <c r="U20" s="1">
        <v>7.3</v>
      </c>
      <c r="V20" s="1">
        <v>11000</v>
      </c>
      <c r="W20" s="1"/>
      <c r="X20" s="1">
        <v>5.8</v>
      </c>
      <c r="Y20" s="1">
        <v>0.31</v>
      </c>
      <c r="Z20" s="1">
        <v>1.2E-2</v>
      </c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2.5000000000000001E-2</v>
      </c>
      <c r="BC20" s="1">
        <v>4.5999999999999996</v>
      </c>
      <c r="BD20" s="1">
        <v>4.5999999999999996</v>
      </c>
      <c r="BE20" s="1"/>
      <c r="BF20" s="1"/>
      <c r="BG20" s="1"/>
      <c r="BH20" s="1"/>
      <c r="BI20" s="1"/>
      <c r="BJ20" s="1"/>
      <c r="BK20" s="1"/>
      <c r="BL20" s="1"/>
      <c r="BM20" s="1">
        <v>0.04</v>
      </c>
      <c r="BN20" s="1">
        <v>0.28999999999999998</v>
      </c>
      <c r="BO20" s="1"/>
      <c r="BP20" s="1"/>
      <c r="BQ20" s="1"/>
      <c r="BR20" s="1"/>
      <c r="BS20" s="1"/>
      <c r="BT20" s="1"/>
      <c r="BU20" s="1">
        <v>6.7000000000000004E-2</v>
      </c>
      <c r="BV20" s="1">
        <v>3.2000000000000001E-2</v>
      </c>
      <c r="BW20" s="1">
        <v>1.7000000000000001E-2</v>
      </c>
      <c r="BX20" s="1">
        <v>1.6E-2</v>
      </c>
      <c r="BY20" s="1">
        <v>2.7000000000000001E-3</v>
      </c>
      <c r="BZ20" s="1"/>
    </row>
    <row r="21" spans="1:78" x14ac:dyDescent="0.15">
      <c r="B21" s="2">
        <v>0.83680555555555547</v>
      </c>
      <c r="C21" s="1" t="s">
        <v>594</v>
      </c>
      <c r="D21" s="1" t="s">
        <v>27</v>
      </c>
      <c r="F21" s="1" t="s">
        <v>298</v>
      </c>
      <c r="G21" s="1" t="s">
        <v>128</v>
      </c>
      <c r="I21" s="1" t="s">
        <v>250</v>
      </c>
      <c r="J21" s="1" t="s">
        <v>297</v>
      </c>
      <c r="K21" s="1" t="s">
        <v>88</v>
      </c>
      <c r="L21" s="1" t="s">
        <v>33</v>
      </c>
      <c r="O21" s="1" t="s">
        <v>34</v>
      </c>
      <c r="P21" s="1" t="s">
        <v>93</v>
      </c>
      <c r="Q21" s="1" t="s">
        <v>299</v>
      </c>
      <c r="R21" s="1" t="s">
        <v>165</v>
      </c>
      <c r="T21" s="1" t="s">
        <v>158</v>
      </c>
      <c r="U21" s="1">
        <v>11</v>
      </c>
      <c r="V21" s="1"/>
      <c r="W21" s="1"/>
      <c r="X21" s="1">
        <v>5.7</v>
      </c>
      <c r="Y21" s="1">
        <v>0.36</v>
      </c>
      <c r="Z21" s="1"/>
      <c r="AA21" s="1" t="s">
        <v>646</v>
      </c>
      <c r="AB21" s="1" t="s">
        <v>646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6</v>
      </c>
      <c r="B22" s="2">
        <v>0.39583333333333331</v>
      </c>
      <c r="C22" s="1" t="s">
        <v>594</v>
      </c>
      <c r="D22" s="1" t="s">
        <v>45</v>
      </c>
      <c r="F22" s="1" t="s">
        <v>300</v>
      </c>
      <c r="G22" s="1" t="s">
        <v>201</v>
      </c>
      <c r="I22" s="1" t="s">
        <v>250</v>
      </c>
      <c r="J22" s="1" t="s">
        <v>146</v>
      </c>
      <c r="K22" s="1" t="s">
        <v>301</v>
      </c>
      <c r="L22" s="1" t="s">
        <v>33</v>
      </c>
      <c r="O22" s="1" t="s">
        <v>41</v>
      </c>
      <c r="P22" s="1" t="s">
        <v>302</v>
      </c>
      <c r="Q22" s="1" t="s">
        <v>42</v>
      </c>
      <c r="R22" s="1" t="s">
        <v>92</v>
      </c>
      <c r="S22" s="1" t="s">
        <v>37</v>
      </c>
      <c r="T22" s="1" t="s">
        <v>38</v>
      </c>
      <c r="U22" s="1">
        <v>8.9</v>
      </c>
      <c r="V22" s="1">
        <v>2300</v>
      </c>
      <c r="W22" s="1"/>
      <c r="X22" s="1">
        <v>5.7</v>
      </c>
      <c r="Y22" s="1">
        <v>0.27</v>
      </c>
      <c r="Z22" s="1">
        <v>1.6E-2</v>
      </c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3.5000000000000003E-2</v>
      </c>
      <c r="BC22" s="1">
        <v>1.7</v>
      </c>
      <c r="BD22" s="1">
        <v>1.7</v>
      </c>
      <c r="BE22" s="1"/>
      <c r="BF22" s="1"/>
      <c r="BG22" s="1"/>
      <c r="BH22" s="1"/>
      <c r="BI22" s="1"/>
      <c r="BJ22" s="1"/>
      <c r="BK22" s="1"/>
      <c r="BL22" s="1"/>
      <c r="BM22" s="1">
        <v>0.01</v>
      </c>
      <c r="BN22" s="1">
        <v>0.25</v>
      </c>
      <c r="BO22" s="1"/>
      <c r="BP22" s="1"/>
      <c r="BQ22" s="1"/>
      <c r="BR22" s="1"/>
      <c r="BS22" s="1"/>
      <c r="BT22" s="1"/>
      <c r="BU22" s="1">
        <v>0.05</v>
      </c>
      <c r="BV22" s="1">
        <v>2.5000000000000001E-2</v>
      </c>
      <c r="BW22" s="1">
        <v>1.2E-2</v>
      </c>
      <c r="BX22" s="1">
        <v>1.0999999999999999E-2</v>
      </c>
      <c r="BY22" s="1">
        <v>2.3E-3</v>
      </c>
      <c r="BZ22" s="1"/>
    </row>
    <row r="23" spans="1:78" x14ac:dyDescent="0.15">
      <c r="B23" s="2">
        <v>0.85416666666666663</v>
      </c>
      <c r="C23" s="1" t="s">
        <v>594</v>
      </c>
      <c r="D23" s="1" t="s">
        <v>45</v>
      </c>
      <c r="F23" s="1" t="s">
        <v>113</v>
      </c>
      <c r="G23" s="1" t="s">
        <v>303</v>
      </c>
      <c r="I23" s="1" t="s">
        <v>250</v>
      </c>
      <c r="J23" s="1" t="s">
        <v>141</v>
      </c>
      <c r="K23" s="1" t="s">
        <v>304</v>
      </c>
      <c r="L23" s="1" t="s">
        <v>33</v>
      </c>
      <c r="O23" s="1" t="s">
        <v>41</v>
      </c>
      <c r="P23" s="1" t="s">
        <v>93</v>
      </c>
      <c r="Q23" s="1" t="s">
        <v>305</v>
      </c>
      <c r="R23" s="1" t="s">
        <v>51</v>
      </c>
      <c r="T23" s="1" t="s">
        <v>38</v>
      </c>
      <c r="U23" s="1">
        <v>12</v>
      </c>
      <c r="V23" s="1"/>
      <c r="W23" s="1"/>
      <c r="X23" s="1">
        <v>5.4</v>
      </c>
      <c r="Y23" s="1">
        <v>0.28999999999999998</v>
      </c>
      <c r="Z23" s="1"/>
      <c r="AA23" s="1" t="s">
        <v>646</v>
      </c>
      <c r="AB23" s="1" t="s">
        <v>64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7</v>
      </c>
      <c r="B24" s="2">
        <v>0.375</v>
      </c>
      <c r="C24" s="1" t="s">
        <v>594</v>
      </c>
      <c r="D24" s="1" t="s">
        <v>27</v>
      </c>
      <c r="F24" s="1" t="s">
        <v>193</v>
      </c>
      <c r="G24" s="1" t="s">
        <v>306</v>
      </c>
      <c r="I24" s="1" t="s">
        <v>247</v>
      </c>
      <c r="J24" s="1" t="s">
        <v>297</v>
      </c>
      <c r="K24" s="1" t="s">
        <v>307</v>
      </c>
      <c r="L24" s="1" t="s">
        <v>33</v>
      </c>
      <c r="O24" s="1" t="s">
        <v>34</v>
      </c>
      <c r="P24" s="1" t="s">
        <v>93</v>
      </c>
      <c r="Q24" s="1" t="s">
        <v>79</v>
      </c>
      <c r="R24" s="1" t="s">
        <v>36</v>
      </c>
      <c r="S24" s="1" t="s">
        <v>197</v>
      </c>
      <c r="T24" s="1" t="s">
        <v>166</v>
      </c>
      <c r="U24" s="1">
        <v>9.6</v>
      </c>
      <c r="V24" s="1">
        <v>1700</v>
      </c>
      <c r="W24" s="1"/>
      <c r="X24" s="1">
        <v>5.3</v>
      </c>
      <c r="Y24" s="1">
        <v>0.36</v>
      </c>
      <c r="Z24" s="1">
        <v>0.02</v>
      </c>
      <c r="AA24" s="1" t="s">
        <v>644</v>
      </c>
      <c r="AB24" s="1" t="s">
        <v>649</v>
      </c>
      <c r="AC24" s="1" t="s">
        <v>606</v>
      </c>
      <c r="AD24" s="1" t="s">
        <v>607</v>
      </c>
      <c r="AE24" s="1" t="s">
        <v>608</v>
      </c>
      <c r="AF24" s="1" t="s">
        <v>609</v>
      </c>
      <c r="AG24" s="1" t="s">
        <v>608</v>
      </c>
      <c r="AH24" s="1" t="s">
        <v>606</v>
      </c>
      <c r="AI24" s="1"/>
      <c r="AJ24" s="1"/>
      <c r="AK24" s="1" t="s">
        <v>610</v>
      </c>
      <c r="AL24" s="1" t="s">
        <v>610</v>
      </c>
      <c r="AM24" s="1" t="s">
        <v>610</v>
      </c>
      <c r="AN24" s="1" t="s">
        <v>610</v>
      </c>
      <c r="AO24" s="1" t="s">
        <v>610</v>
      </c>
      <c r="AP24" t="s">
        <v>610</v>
      </c>
      <c r="AQ24" s="1" t="s">
        <v>610</v>
      </c>
      <c r="AR24" s="1" t="s">
        <v>610</v>
      </c>
      <c r="AS24" s="1" t="s">
        <v>610</v>
      </c>
      <c r="AT24" s="1" t="s">
        <v>610</v>
      </c>
      <c r="AU24" s="1" t="s">
        <v>618</v>
      </c>
      <c r="AV24" s="1" t="s">
        <v>606</v>
      </c>
      <c r="AW24" s="1" t="s">
        <v>606</v>
      </c>
      <c r="AX24" s="1" t="s">
        <v>610</v>
      </c>
      <c r="AY24" s="1" t="s">
        <v>608</v>
      </c>
      <c r="AZ24" s="1">
        <v>0.11</v>
      </c>
      <c r="BA24" s="1">
        <v>0.06</v>
      </c>
      <c r="BB24" s="1">
        <v>4.1000000000000002E-2</v>
      </c>
      <c r="BC24" s="1">
        <v>4.5999999999999996</v>
      </c>
      <c r="BD24" s="1">
        <v>4.5999999999999996</v>
      </c>
      <c r="BE24" s="1" t="s">
        <v>609</v>
      </c>
      <c r="BF24" s="1" t="s">
        <v>609</v>
      </c>
      <c r="BG24" s="1">
        <v>7.0000000000000001E-3</v>
      </c>
      <c r="BH24" s="1">
        <v>0.02</v>
      </c>
      <c r="BI24" s="1" t="s">
        <v>612</v>
      </c>
      <c r="BJ24" s="1" t="s">
        <v>609</v>
      </c>
      <c r="BK24" s="1"/>
      <c r="BL24" s="1"/>
      <c r="BM24" s="1">
        <v>0.02</v>
      </c>
      <c r="BN24" s="1">
        <v>0.32</v>
      </c>
      <c r="BO24" s="1"/>
      <c r="BP24" s="1"/>
      <c r="BQ24" s="1"/>
      <c r="BR24" s="1"/>
      <c r="BS24" s="1"/>
      <c r="BT24" s="1"/>
      <c r="BU24" s="1">
        <v>6.3E-2</v>
      </c>
      <c r="BV24" s="1">
        <v>2.1999999999999999E-2</v>
      </c>
      <c r="BW24" s="1">
        <v>1.6E-2</v>
      </c>
      <c r="BX24" s="1">
        <v>2.1999999999999999E-2</v>
      </c>
      <c r="BY24" s="1">
        <v>3.2000000000000002E-3</v>
      </c>
      <c r="BZ24" s="1"/>
    </row>
    <row r="25" spans="1:78" x14ac:dyDescent="0.15">
      <c r="B25" s="2">
        <v>0.86111111111111116</v>
      </c>
      <c r="C25" s="1" t="s">
        <v>594</v>
      </c>
      <c r="D25" s="1" t="s">
        <v>27</v>
      </c>
      <c r="F25" s="1" t="s">
        <v>308</v>
      </c>
      <c r="G25" s="1" t="s">
        <v>309</v>
      </c>
      <c r="I25" s="1" t="s">
        <v>250</v>
      </c>
      <c r="J25" s="1" t="s">
        <v>141</v>
      </c>
      <c r="K25" s="1" t="s">
        <v>310</v>
      </c>
      <c r="L25" s="1" t="s">
        <v>33</v>
      </c>
      <c r="O25" s="1" t="s">
        <v>34</v>
      </c>
      <c r="Q25" s="1" t="s">
        <v>311</v>
      </c>
      <c r="R25" s="1" t="s">
        <v>68</v>
      </c>
      <c r="T25" s="1" t="s">
        <v>114</v>
      </c>
      <c r="U25" s="1">
        <v>13</v>
      </c>
      <c r="V25" s="1"/>
      <c r="W25" s="1"/>
      <c r="X25" s="1">
        <v>5.3</v>
      </c>
      <c r="Y25" s="1">
        <v>0.37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3576388888888889</v>
      </c>
      <c r="C26" s="1" t="s">
        <v>594</v>
      </c>
      <c r="D26" s="1" t="s">
        <v>27</v>
      </c>
      <c r="F26" s="1" t="s">
        <v>312</v>
      </c>
      <c r="G26" s="1" t="s">
        <v>118</v>
      </c>
      <c r="I26" s="1" t="s">
        <v>272</v>
      </c>
      <c r="J26" s="1" t="s">
        <v>141</v>
      </c>
      <c r="K26" s="1" t="s">
        <v>313</v>
      </c>
      <c r="L26" s="1" t="s">
        <v>33</v>
      </c>
      <c r="O26" s="1" t="s">
        <v>41</v>
      </c>
      <c r="P26" s="1" t="s">
        <v>93</v>
      </c>
      <c r="Q26" s="1" t="s">
        <v>35</v>
      </c>
      <c r="R26" s="1" t="s">
        <v>314</v>
      </c>
      <c r="S26" s="1" t="s">
        <v>315</v>
      </c>
      <c r="T26" s="1" t="s">
        <v>38</v>
      </c>
      <c r="U26" s="1">
        <v>7.9</v>
      </c>
      <c r="V26" s="1">
        <v>49000</v>
      </c>
      <c r="W26" s="1"/>
      <c r="X26" s="1">
        <v>4.4000000000000004</v>
      </c>
      <c r="Y26" s="1">
        <v>0.34</v>
      </c>
      <c r="Z26" s="1">
        <v>1.7999999999999999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4.7E-2</v>
      </c>
      <c r="BC26" s="1">
        <v>3.2</v>
      </c>
      <c r="BD26" s="1">
        <v>3.2</v>
      </c>
      <c r="BE26" s="1"/>
      <c r="BF26" s="1"/>
      <c r="BG26" s="1"/>
      <c r="BH26" s="1"/>
      <c r="BI26" s="1"/>
      <c r="BJ26" s="1"/>
      <c r="BK26" s="1"/>
      <c r="BL26" s="1"/>
      <c r="BM26" s="1">
        <v>7.0000000000000007E-2</v>
      </c>
      <c r="BN26" s="1">
        <v>0.31</v>
      </c>
      <c r="BO26" s="1"/>
      <c r="BP26" s="1"/>
      <c r="BQ26" s="1"/>
      <c r="BR26" s="1"/>
      <c r="BS26" s="1"/>
      <c r="BT26" s="1"/>
      <c r="BU26" s="1">
        <v>2.9000000000000001E-2</v>
      </c>
      <c r="BV26" s="1">
        <v>1.2999999999999999E-2</v>
      </c>
      <c r="BW26" s="1">
        <v>8.0000000000000002E-3</v>
      </c>
      <c r="BX26" s="1">
        <v>6.7000000000000002E-3</v>
      </c>
      <c r="BY26" s="1">
        <v>2.2000000000000001E-3</v>
      </c>
      <c r="BZ26" s="1"/>
    </row>
    <row r="27" spans="1:78" x14ac:dyDescent="0.15">
      <c r="B27" s="2">
        <v>0.86805555555555547</v>
      </c>
      <c r="C27" s="1" t="s">
        <v>594</v>
      </c>
      <c r="D27" s="1" t="s">
        <v>27</v>
      </c>
      <c r="F27" s="1" t="s">
        <v>316</v>
      </c>
      <c r="G27" s="1" t="s">
        <v>317</v>
      </c>
      <c r="I27" s="1" t="s">
        <v>272</v>
      </c>
      <c r="J27" s="1" t="s">
        <v>141</v>
      </c>
      <c r="K27" s="1" t="s">
        <v>318</v>
      </c>
      <c r="L27" s="1" t="s">
        <v>33</v>
      </c>
      <c r="O27" s="1" t="s">
        <v>41</v>
      </c>
      <c r="Q27" s="1" t="s">
        <v>79</v>
      </c>
      <c r="R27" s="1" t="s">
        <v>68</v>
      </c>
      <c r="T27" s="1" t="s">
        <v>38</v>
      </c>
      <c r="U27" s="1">
        <v>10</v>
      </c>
      <c r="V27" s="1"/>
      <c r="W27" s="1"/>
      <c r="X27" s="1">
        <v>5.2</v>
      </c>
      <c r="Y27" s="1">
        <v>0.41</v>
      </c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E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</sheetData>
  <phoneticPr fontId="18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5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4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9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29166666666666669</v>
      </c>
      <c r="C4" s="1" t="s">
        <v>593</v>
      </c>
      <c r="D4" s="1" t="s">
        <v>27</v>
      </c>
      <c r="F4" s="1" t="s">
        <v>187</v>
      </c>
      <c r="G4" s="1" t="s">
        <v>161</v>
      </c>
      <c r="J4" s="1" t="s">
        <v>319</v>
      </c>
      <c r="K4" s="1" t="s">
        <v>320</v>
      </c>
      <c r="L4" s="1" t="s">
        <v>321</v>
      </c>
      <c r="O4" s="1" t="s">
        <v>41</v>
      </c>
      <c r="P4" s="1" t="s">
        <v>93</v>
      </c>
      <c r="Q4" s="1" t="s">
        <v>122</v>
      </c>
      <c r="R4" s="1" t="s">
        <v>137</v>
      </c>
      <c r="S4" s="1" t="s">
        <v>322</v>
      </c>
      <c r="T4" s="1" t="s">
        <v>158</v>
      </c>
      <c r="U4" s="1">
        <v>7.7</v>
      </c>
      <c r="V4" s="1">
        <v>330</v>
      </c>
      <c r="W4" s="1"/>
      <c r="X4" s="1">
        <v>3.9</v>
      </c>
      <c r="Y4" s="1">
        <v>0.31</v>
      </c>
      <c r="Z4" s="1">
        <v>0.04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1</v>
      </c>
      <c r="BC4" s="1">
        <v>2.1</v>
      </c>
      <c r="BD4" s="1">
        <v>2.2000000000000002</v>
      </c>
      <c r="BE4" s="1"/>
      <c r="BF4" s="1"/>
      <c r="BG4" s="1"/>
      <c r="BH4" s="1"/>
      <c r="BI4" s="1"/>
      <c r="BJ4" s="1"/>
      <c r="BK4" s="1"/>
      <c r="BL4" s="1"/>
      <c r="BM4" s="1">
        <v>1.2</v>
      </c>
      <c r="BN4" s="1">
        <v>0.23</v>
      </c>
      <c r="BO4" s="1">
        <v>2700</v>
      </c>
      <c r="BP4" s="1">
        <v>86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A5" s="1" t="s">
        <v>44</v>
      </c>
      <c r="B5" s="2">
        <v>0.43611111111111112</v>
      </c>
      <c r="C5" s="1" t="s">
        <v>593</v>
      </c>
      <c r="D5" s="1" t="s">
        <v>45</v>
      </c>
      <c r="F5" s="1" t="s">
        <v>323</v>
      </c>
      <c r="G5" s="1" t="s">
        <v>282</v>
      </c>
      <c r="J5" s="1" t="s">
        <v>324</v>
      </c>
      <c r="K5" s="1" t="s">
        <v>325</v>
      </c>
      <c r="L5" s="1" t="s">
        <v>326</v>
      </c>
      <c r="O5" s="1" t="s">
        <v>41</v>
      </c>
      <c r="P5" s="1" t="s">
        <v>93</v>
      </c>
      <c r="Q5" s="1" t="s">
        <v>42</v>
      </c>
      <c r="R5" s="1" t="s">
        <v>327</v>
      </c>
      <c r="S5" s="1" t="s">
        <v>132</v>
      </c>
      <c r="T5" s="1" t="s">
        <v>288</v>
      </c>
      <c r="U5" s="1">
        <v>6.6</v>
      </c>
      <c r="V5" s="1">
        <v>13000</v>
      </c>
      <c r="W5" s="1"/>
      <c r="X5" s="1">
        <v>5.6</v>
      </c>
      <c r="Y5" s="1">
        <v>0.35</v>
      </c>
      <c r="Z5" s="1">
        <v>0.02</v>
      </c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>
        <v>9.9000000000000005E-2</v>
      </c>
      <c r="BC5" s="1">
        <v>2.6</v>
      </c>
      <c r="BD5" s="1">
        <v>2.6</v>
      </c>
      <c r="BE5" s="1"/>
      <c r="BF5" s="1"/>
      <c r="BG5" s="1"/>
      <c r="BH5" s="1"/>
      <c r="BI5" s="1"/>
      <c r="BJ5" s="1"/>
      <c r="BK5" s="1"/>
      <c r="BL5" s="1"/>
      <c r="BM5" s="1">
        <v>1.3</v>
      </c>
      <c r="BN5" s="1">
        <v>0.32</v>
      </c>
      <c r="BO5" s="1">
        <v>170</v>
      </c>
      <c r="BP5" s="1">
        <v>470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56</v>
      </c>
      <c r="B6" s="2">
        <v>0.25</v>
      </c>
      <c r="C6" s="1" t="s">
        <v>593</v>
      </c>
      <c r="D6" s="1" t="s">
        <v>57</v>
      </c>
      <c r="F6" s="1" t="s">
        <v>103</v>
      </c>
      <c r="G6" s="1" t="s">
        <v>328</v>
      </c>
      <c r="J6" s="1" t="s">
        <v>165</v>
      </c>
      <c r="K6" s="1" t="s">
        <v>69</v>
      </c>
      <c r="L6" s="1" t="s">
        <v>33</v>
      </c>
      <c r="O6" s="1" t="s">
        <v>41</v>
      </c>
      <c r="P6" s="1" t="s">
        <v>93</v>
      </c>
      <c r="Q6" s="1" t="s">
        <v>35</v>
      </c>
      <c r="R6" s="1" t="s">
        <v>292</v>
      </c>
      <c r="S6" s="1" t="s">
        <v>142</v>
      </c>
      <c r="T6" s="1" t="s">
        <v>114</v>
      </c>
      <c r="U6" s="1">
        <v>7.2</v>
      </c>
      <c r="V6" s="1">
        <v>1100</v>
      </c>
      <c r="W6" s="1"/>
      <c r="X6" s="1">
        <v>7.5</v>
      </c>
      <c r="Y6" s="1">
        <v>0.43</v>
      </c>
      <c r="Z6" s="1">
        <v>0.01</v>
      </c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16</v>
      </c>
      <c r="BC6" s="1">
        <v>3.4</v>
      </c>
      <c r="BD6" s="1">
        <v>3.5</v>
      </c>
      <c r="BE6" s="1"/>
      <c r="BF6" s="1"/>
      <c r="BG6" s="1"/>
      <c r="BH6" s="1"/>
      <c r="BI6" s="1"/>
      <c r="BJ6" s="1"/>
      <c r="BK6" s="1"/>
      <c r="BL6" s="1"/>
      <c r="BM6" s="1">
        <v>1.8</v>
      </c>
      <c r="BN6" s="1">
        <v>0.39</v>
      </c>
      <c r="BO6" s="1">
        <v>270</v>
      </c>
      <c r="BP6" s="1">
        <v>75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A7" s="1" t="s">
        <v>70</v>
      </c>
      <c r="B7" s="2">
        <v>0.42708333333333331</v>
      </c>
      <c r="C7" s="1" t="s">
        <v>593</v>
      </c>
      <c r="D7" s="1" t="s">
        <v>27</v>
      </c>
      <c r="F7" s="1" t="s">
        <v>329</v>
      </c>
      <c r="G7" s="1" t="s">
        <v>330</v>
      </c>
      <c r="J7" s="1" t="s">
        <v>331</v>
      </c>
      <c r="K7" s="1" t="s">
        <v>332</v>
      </c>
      <c r="L7" s="1" t="s">
        <v>333</v>
      </c>
      <c r="O7" s="1" t="s">
        <v>41</v>
      </c>
      <c r="P7" s="1" t="s">
        <v>93</v>
      </c>
      <c r="Q7" s="1" t="s">
        <v>86</v>
      </c>
      <c r="R7" s="1" t="s">
        <v>229</v>
      </c>
      <c r="S7" s="1" t="s">
        <v>334</v>
      </c>
      <c r="T7" s="1" t="s">
        <v>69</v>
      </c>
      <c r="U7" s="1">
        <v>6.9</v>
      </c>
      <c r="V7" s="1">
        <v>11000</v>
      </c>
      <c r="W7" s="1"/>
      <c r="X7" s="1">
        <v>6</v>
      </c>
      <c r="Y7" s="1">
        <v>0.45</v>
      </c>
      <c r="Z7" s="1">
        <v>2.5999999999999999E-2</v>
      </c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>
        <v>0.26</v>
      </c>
      <c r="BC7" s="1">
        <v>2.6</v>
      </c>
      <c r="BD7" s="1">
        <v>2.8</v>
      </c>
      <c r="BE7" s="1"/>
      <c r="BF7" s="1"/>
      <c r="BG7" s="1"/>
      <c r="BH7" s="1"/>
      <c r="BI7" s="1"/>
      <c r="BJ7" s="1"/>
      <c r="BK7" s="1"/>
      <c r="BL7" s="1"/>
      <c r="BM7" s="1">
        <v>1.8</v>
      </c>
      <c r="BN7" s="1">
        <v>0.35</v>
      </c>
      <c r="BO7" s="1">
        <v>410</v>
      </c>
      <c r="BP7" s="1">
        <v>910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80</v>
      </c>
      <c r="B8" s="2">
        <v>0.37847222222222227</v>
      </c>
      <c r="C8" s="1" t="s">
        <v>593</v>
      </c>
      <c r="D8" s="1" t="s">
        <v>27</v>
      </c>
      <c r="F8" s="1" t="s">
        <v>335</v>
      </c>
      <c r="G8" s="1" t="s">
        <v>336</v>
      </c>
      <c r="J8" s="1" t="s">
        <v>337</v>
      </c>
      <c r="K8" s="1" t="s">
        <v>338</v>
      </c>
      <c r="L8" s="1" t="s">
        <v>33</v>
      </c>
      <c r="O8" s="1" t="s">
        <v>41</v>
      </c>
      <c r="P8" s="1" t="s">
        <v>93</v>
      </c>
      <c r="Q8" s="1" t="s">
        <v>86</v>
      </c>
      <c r="R8" s="1" t="s">
        <v>180</v>
      </c>
      <c r="S8" s="1" t="s">
        <v>193</v>
      </c>
      <c r="T8" s="1" t="s">
        <v>38</v>
      </c>
      <c r="U8" s="1">
        <v>6.5</v>
      </c>
      <c r="V8" s="1">
        <v>17000</v>
      </c>
      <c r="W8" s="1"/>
      <c r="X8" s="1">
        <v>3.3</v>
      </c>
      <c r="Y8" s="1">
        <v>0.27</v>
      </c>
      <c r="Z8" s="1">
        <v>2.4E-2</v>
      </c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8.2000000000000003E-2</v>
      </c>
      <c r="BC8" s="1">
        <v>2.1</v>
      </c>
      <c r="BD8" s="1">
        <v>2.1</v>
      </c>
      <c r="BE8" s="1"/>
      <c r="BF8" s="1"/>
      <c r="BG8" s="1"/>
      <c r="BH8" s="1"/>
      <c r="BI8" s="1"/>
      <c r="BJ8" s="1"/>
      <c r="BK8" s="1"/>
      <c r="BL8" s="1"/>
      <c r="BM8" s="1">
        <v>0.41</v>
      </c>
      <c r="BN8" s="1">
        <v>0.22</v>
      </c>
      <c r="BO8" s="1">
        <v>260</v>
      </c>
      <c r="BP8" s="1">
        <v>66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A9" s="1" t="s">
        <v>95</v>
      </c>
      <c r="B9" s="2">
        <v>0.31944444444444448</v>
      </c>
      <c r="C9" s="1" t="s">
        <v>593</v>
      </c>
      <c r="D9" s="1" t="s">
        <v>27</v>
      </c>
      <c r="F9" s="1" t="s">
        <v>97</v>
      </c>
      <c r="G9" s="1" t="s">
        <v>339</v>
      </c>
      <c r="J9" s="1" t="s">
        <v>340</v>
      </c>
      <c r="K9" s="1" t="s">
        <v>341</v>
      </c>
      <c r="L9" s="1" t="s">
        <v>33</v>
      </c>
      <c r="O9" s="1" t="s">
        <v>41</v>
      </c>
      <c r="P9" s="1" t="s">
        <v>93</v>
      </c>
      <c r="Q9" s="1" t="s">
        <v>86</v>
      </c>
      <c r="R9" s="1" t="s">
        <v>62</v>
      </c>
      <c r="S9" s="1" t="s">
        <v>166</v>
      </c>
      <c r="T9" s="1" t="s">
        <v>114</v>
      </c>
      <c r="U9" s="1">
        <v>6.4</v>
      </c>
      <c r="V9" s="1">
        <v>7900</v>
      </c>
      <c r="W9" s="1"/>
      <c r="X9" s="1">
        <v>4.4000000000000004</v>
      </c>
      <c r="Y9" s="1">
        <v>0.27</v>
      </c>
      <c r="Z9" s="1">
        <v>0.01</v>
      </c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>
        <v>7.9000000000000001E-2</v>
      </c>
      <c r="BC9" s="1">
        <v>2.4</v>
      </c>
      <c r="BD9" s="1">
        <v>2.4</v>
      </c>
      <c r="BE9" s="1"/>
      <c r="BF9" s="1"/>
      <c r="BG9" s="1"/>
      <c r="BH9" s="1"/>
      <c r="BI9" s="1"/>
      <c r="BJ9" s="1"/>
      <c r="BK9" s="1"/>
      <c r="BL9" s="1"/>
      <c r="BM9" s="1">
        <v>1</v>
      </c>
      <c r="BN9" s="1">
        <v>0.24</v>
      </c>
      <c r="BO9" s="1">
        <v>160</v>
      </c>
      <c r="BP9" s="1">
        <v>540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107</v>
      </c>
      <c r="B10" s="2">
        <v>0.2722222222222222</v>
      </c>
      <c r="C10" s="1" t="s">
        <v>593</v>
      </c>
      <c r="D10" s="1" t="s">
        <v>27</v>
      </c>
      <c r="F10" s="1" t="s">
        <v>119</v>
      </c>
      <c r="G10" s="1" t="s">
        <v>265</v>
      </c>
      <c r="J10" s="1" t="s">
        <v>342</v>
      </c>
      <c r="K10" s="1" t="s">
        <v>343</v>
      </c>
      <c r="L10" s="1" t="s">
        <v>33</v>
      </c>
      <c r="O10" s="1" t="s">
        <v>287</v>
      </c>
      <c r="P10" s="1" t="s">
        <v>93</v>
      </c>
      <c r="Q10" s="1" t="s">
        <v>86</v>
      </c>
      <c r="R10" s="1" t="s">
        <v>123</v>
      </c>
      <c r="S10" s="1" t="s">
        <v>101</v>
      </c>
      <c r="T10" s="1" t="s">
        <v>38</v>
      </c>
      <c r="U10" s="1">
        <v>7.6</v>
      </c>
      <c r="V10" s="1">
        <v>4900</v>
      </c>
      <c r="W10" s="1"/>
      <c r="X10" s="1">
        <v>3.9</v>
      </c>
      <c r="Y10" s="1">
        <v>0.28000000000000003</v>
      </c>
      <c r="Z10" s="1">
        <v>1.4999999999999999E-2</v>
      </c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7.6999999999999999E-2</v>
      </c>
      <c r="BC10" s="1">
        <v>2.7</v>
      </c>
      <c r="BD10" s="1">
        <v>2.7</v>
      </c>
      <c r="BE10" s="1"/>
      <c r="BF10" s="1"/>
      <c r="BG10" s="1"/>
      <c r="BH10" s="1"/>
      <c r="BI10" s="1"/>
      <c r="BJ10" s="1"/>
      <c r="BK10" s="1"/>
      <c r="BL10" s="1"/>
      <c r="BM10" s="1">
        <v>0.85</v>
      </c>
      <c r="BN10" s="1">
        <v>0.26</v>
      </c>
      <c r="BO10" s="1">
        <v>480</v>
      </c>
      <c r="BP10" s="1">
        <v>13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A11" s="1" t="s">
        <v>117</v>
      </c>
      <c r="B11" s="2">
        <v>0.25694444444444448</v>
      </c>
      <c r="C11" s="1" t="s">
        <v>593</v>
      </c>
      <c r="D11" s="1" t="s">
        <v>27</v>
      </c>
      <c r="F11" s="1" t="s">
        <v>186</v>
      </c>
      <c r="G11" s="1" t="s">
        <v>298</v>
      </c>
      <c r="J11" s="1" t="s">
        <v>337</v>
      </c>
      <c r="K11" s="1" t="s">
        <v>344</v>
      </c>
      <c r="L11" s="1" t="s">
        <v>345</v>
      </c>
      <c r="O11" s="1" t="s">
        <v>41</v>
      </c>
      <c r="Q11" s="1" t="s">
        <v>35</v>
      </c>
      <c r="R11" s="1" t="s">
        <v>180</v>
      </c>
      <c r="S11" s="1" t="s">
        <v>315</v>
      </c>
      <c r="T11" s="1" t="s">
        <v>114</v>
      </c>
      <c r="U11" s="1">
        <v>7</v>
      </c>
      <c r="V11" s="1">
        <v>2300</v>
      </c>
      <c r="W11" s="1"/>
      <c r="X11" s="1">
        <v>6.2</v>
      </c>
      <c r="Y11" s="1">
        <v>0.38</v>
      </c>
      <c r="Z11" s="1">
        <v>1.0999999999999999E-2</v>
      </c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>
        <v>0.2</v>
      </c>
      <c r="BC11" s="1">
        <v>3.7</v>
      </c>
      <c r="BD11" s="1">
        <v>3.9</v>
      </c>
      <c r="BE11" s="1"/>
      <c r="BF11" s="1"/>
      <c r="BG11" s="1"/>
      <c r="BH11" s="1"/>
      <c r="BI11" s="1"/>
      <c r="BJ11" s="1"/>
      <c r="BK11" s="1"/>
      <c r="BL11" s="1"/>
      <c r="BM11" s="1">
        <v>1.5</v>
      </c>
      <c r="BN11" s="1">
        <v>0.33</v>
      </c>
      <c r="BO11" s="1">
        <v>450</v>
      </c>
      <c r="BP11" s="1">
        <v>120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127</v>
      </c>
      <c r="B12" s="2">
        <v>0.39583333333333331</v>
      </c>
      <c r="C12" s="1" t="s">
        <v>593</v>
      </c>
      <c r="D12" s="1" t="s">
        <v>27</v>
      </c>
      <c r="F12" s="1" t="s">
        <v>108</v>
      </c>
      <c r="G12" s="1" t="s">
        <v>102</v>
      </c>
      <c r="J12" s="1" t="s">
        <v>346</v>
      </c>
      <c r="K12" s="1" t="s">
        <v>347</v>
      </c>
      <c r="L12" s="1" t="s">
        <v>33</v>
      </c>
      <c r="O12" s="1" t="s">
        <v>41</v>
      </c>
      <c r="P12" s="1" t="s">
        <v>93</v>
      </c>
      <c r="Q12" s="1" t="s">
        <v>122</v>
      </c>
      <c r="R12" s="1" t="s">
        <v>106</v>
      </c>
      <c r="S12" s="1" t="s">
        <v>322</v>
      </c>
      <c r="T12" s="1" t="s">
        <v>114</v>
      </c>
      <c r="U12" s="1">
        <v>7.7</v>
      </c>
      <c r="V12" s="1">
        <v>460</v>
      </c>
      <c r="W12" s="1"/>
      <c r="X12" s="1">
        <v>7.1</v>
      </c>
      <c r="Y12" s="1">
        <v>0.39</v>
      </c>
      <c r="Z12" s="1">
        <v>1.2E-2</v>
      </c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  <c r="BB12" s="1">
        <v>0.2</v>
      </c>
      <c r="BC12" s="1">
        <v>4.0999999999999996</v>
      </c>
      <c r="BD12" s="1">
        <v>4.3</v>
      </c>
      <c r="BE12" s="1"/>
      <c r="BF12" s="1"/>
      <c r="BG12" s="1"/>
      <c r="BH12" s="1"/>
      <c r="BI12" s="1"/>
      <c r="BJ12" s="1"/>
      <c r="BK12" s="1"/>
      <c r="BL12" s="1"/>
      <c r="BM12" s="1">
        <v>1.7</v>
      </c>
      <c r="BN12" s="1">
        <v>0.36</v>
      </c>
      <c r="BO12" s="1">
        <v>690</v>
      </c>
      <c r="BP12" s="1">
        <v>21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A13" s="1" t="s">
        <v>136</v>
      </c>
      <c r="B13" s="2">
        <v>0.43402777777777773</v>
      </c>
      <c r="C13" s="1" t="s">
        <v>593</v>
      </c>
      <c r="D13" s="1" t="s">
        <v>45</v>
      </c>
      <c r="F13" s="1" t="s">
        <v>300</v>
      </c>
      <c r="G13" s="1" t="s">
        <v>348</v>
      </c>
      <c r="J13" s="1" t="s">
        <v>349</v>
      </c>
      <c r="K13" s="1" t="s">
        <v>350</v>
      </c>
      <c r="L13" s="1" t="s">
        <v>33</v>
      </c>
      <c r="O13" s="1" t="s">
        <v>41</v>
      </c>
      <c r="Q13" s="1" t="s">
        <v>42</v>
      </c>
      <c r="R13" s="1" t="s">
        <v>36</v>
      </c>
      <c r="S13" s="1" t="s">
        <v>351</v>
      </c>
      <c r="T13" s="1" t="s">
        <v>38</v>
      </c>
      <c r="U13" s="1">
        <v>9.6</v>
      </c>
      <c r="V13" s="1">
        <v>1300</v>
      </c>
      <c r="W13" s="1"/>
      <c r="X13" s="1">
        <v>6.7</v>
      </c>
      <c r="Y13" s="1">
        <v>0.34</v>
      </c>
      <c r="Z13" s="1">
        <v>1.2999999999999999E-2</v>
      </c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>
        <v>0.17</v>
      </c>
      <c r="BC13" s="1">
        <v>4.2</v>
      </c>
      <c r="BD13" s="1">
        <v>4.3</v>
      </c>
      <c r="BE13" s="1"/>
      <c r="BF13" s="1"/>
      <c r="BG13" s="1"/>
      <c r="BH13" s="1"/>
      <c r="BI13" s="1"/>
      <c r="BJ13" s="1"/>
      <c r="BK13" s="1"/>
      <c r="BL13" s="1"/>
      <c r="BM13" s="1">
        <v>1.8</v>
      </c>
      <c r="BN13" s="1">
        <v>0.3</v>
      </c>
      <c r="BO13" s="1">
        <v>970</v>
      </c>
      <c r="BP13" s="1">
        <v>2700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147</v>
      </c>
      <c r="B14" s="2">
        <v>0.3263888888888889</v>
      </c>
      <c r="C14" s="1" t="s">
        <v>593</v>
      </c>
      <c r="D14" s="1" t="s">
        <v>27</v>
      </c>
      <c r="F14" s="1" t="s">
        <v>114</v>
      </c>
      <c r="G14" s="1" t="s">
        <v>242</v>
      </c>
      <c r="J14" s="1" t="s">
        <v>352</v>
      </c>
      <c r="K14" s="1" t="s">
        <v>67</v>
      </c>
      <c r="L14" s="1" t="s">
        <v>33</v>
      </c>
      <c r="O14" s="1" t="s">
        <v>34</v>
      </c>
      <c r="P14" s="1" t="s">
        <v>93</v>
      </c>
      <c r="Q14" s="1" t="s">
        <v>122</v>
      </c>
      <c r="R14" s="1" t="s">
        <v>51</v>
      </c>
      <c r="S14" s="1" t="s">
        <v>288</v>
      </c>
      <c r="T14" s="1" t="s">
        <v>38</v>
      </c>
      <c r="U14" s="1">
        <v>7.1</v>
      </c>
      <c r="V14" s="1">
        <v>130</v>
      </c>
      <c r="W14" s="1"/>
      <c r="X14" s="1">
        <v>6.9</v>
      </c>
      <c r="Y14" s="1">
        <v>0.42</v>
      </c>
      <c r="Z14" s="1">
        <v>1.4E-2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19</v>
      </c>
      <c r="BC14" s="1">
        <v>3.9</v>
      </c>
      <c r="BD14" s="1">
        <v>4</v>
      </c>
      <c r="BE14" s="1"/>
      <c r="BF14" s="1"/>
      <c r="BG14" s="1"/>
      <c r="BH14" s="1"/>
      <c r="BI14" s="1"/>
      <c r="BJ14" s="1"/>
      <c r="BK14" s="1"/>
      <c r="BL14" s="1"/>
      <c r="BM14" s="1">
        <v>2</v>
      </c>
      <c r="BN14" s="1">
        <v>0.36</v>
      </c>
      <c r="BO14" s="1">
        <v>930</v>
      </c>
      <c r="BP14" s="1">
        <v>26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153</v>
      </c>
      <c r="B15" s="2">
        <v>0.39583333333333331</v>
      </c>
      <c r="C15" s="1" t="s">
        <v>593</v>
      </c>
      <c r="D15" s="1" t="s">
        <v>27</v>
      </c>
      <c r="F15" s="1" t="s">
        <v>353</v>
      </c>
      <c r="G15" s="1" t="s">
        <v>354</v>
      </c>
      <c r="J15" s="1" t="s">
        <v>355</v>
      </c>
      <c r="K15" s="1" t="s">
        <v>356</v>
      </c>
      <c r="L15" s="1" t="s">
        <v>357</v>
      </c>
      <c r="O15" s="1" t="s">
        <v>41</v>
      </c>
      <c r="P15" s="1" t="s">
        <v>93</v>
      </c>
      <c r="Q15" s="1" t="s">
        <v>42</v>
      </c>
      <c r="R15" s="1" t="s">
        <v>88</v>
      </c>
      <c r="S15" s="1" t="s">
        <v>358</v>
      </c>
      <c r="T15" s="1" t="s">
        <v>114</v>
      </c>
      <c r="U15" s="1">
        <v>8.1999999999999993</v>
      </c>
      <c r="V15" s="1">
        <v>49000</v>
      </c>
      <c r="W15" s="1"/>
      <c r="X15" s="1">
        <v>5.6</v>
      </c>
      <c r="Y15" s="1">
        <v>0.37</v>
      </c>
      <c r="Z15" s="1">
        <v>1.6E-2</v>
      </c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>
        <v>0.16</v>
      </c>
      <c r="BC15" s="1">
        <v>2.6</v>
      </c>
      <c r="BD15" s="1">
        <v>2.7</v>
      </c>
      <c r="BE15" s="1"/>
      <c r="BF15" s="1"/>
      <c r="BG15" s="1"/>
      <c r="BH15" s="1"/>
      <c r="BI15" s="1"/>
      <c r="BJ15" s="1"/>
      <c r="BK15" s="1"/>
      <c r="BL15" s="1"/>
      <c r="BM15" s="1">
        <v>1.6</v>
      </c>
      <c r="BN15" s="1">
        <v>0.31</v>
      </c>
      <c r="BO15" s="1">
        <v>290</v>
      </c>
      <c r="BP15" s="1">
        <v>680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241" spans="21:21" x14ac:dyDescent="0.15">
      <c r="U241" s="1"/>
    </row>
    <row r="242" spans="21:21" x14ac:dyDescent="0.15">
      <c r="U242" s="1"/>
    </row>
    <row r="243" spans="21:21" x14ac:dyDescent="0.15">
      <c r="U243" s="1"/>
    </row>
    <row r="244" spans="21:21" x14ac:dyDescent="0.15">
      <c r="U244" s="1"/>
    </row>
    <row r="245" spans="21:21" x14ac:dyDescent="0.15">
      <c r="U245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</sheetData>
  <phoneticPr fontId="18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70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83</v>
      </c>
      <c r="C1" s="1" t="s">
        <v>1</v>
      </c>
      <c r="D1" s="1" t="s">
        <v>635</v>
      </c>
      <c r="E1" s="1" t="s">
        <v>2</v>
      </c>
      <c r="F1" s="1" t="s">
        <v>584</v>
      </c>
      <c r="G1" s="1" t="s">
        <v>3</v>
      </c>
      <c r="H1" s="1" t="s">
        <v>585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8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4375</v>
      </c>
      <c r="C4" s="1" t="s">
        <v>593</v>
      </c>
      <c r="D4" s="1" t="s">
        <v>27</v>
      </c>
      <c r="F4" s="1" t="s">
        <v>109</v>
      </c>
      <c r="G4" s="1" t="s">
        <v>204</v>
      </c>
      <c r="J4" s="1" t="s">
        <v>49</v>
      </c>
      <c r="K4" s="1" t="s">
        <v>50</v>
      </c>
      <c r="L4" s="1" t="s">
        <v>359</v>
      </c>
      <c r="O4" s="1" t="s">
        <v>41</v>
      </c>
      <c r="P4" s="1" t="s">
        <v>93</v>
      </c>
      <c r="Q4" s="1" t="s">
        <v>122</v>
      </c>
      <c r="R4" s="1" t="s">
        <v>36</v>
      </c>
      <c r="S4" s="1" t="s">
        <v>172</v>
      </c>
      <c r="T4" s="1" t="s">
        <v>360</v>
      </c>
      <c r="U4" s="1">
        <v>8.1999999999999993</v>
      </c>
      <c r="V4" s="1">
        <v>490</v>
      </c>
      <c r="W4" s="1"/>
      <c r="X4" s="1">
        <v>5.2</v>
      </c>
      <c r="Y4" s="1">
        <v>0.4</v>
      </c>
      <c r="Z4" s="1">
        <v>3.3000000000000002E-2</v>
      </c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14000000000000001</v>
      </c>
      <c r="BC4" s="1">
        <v>3.3</v>
      </c>
      <c r="BD4" s="1">
        <v>3.4</v>
      </c>
      <c r="BE4" s="1"/>
      <c r="BF4" s="1"/>
      <c r="BG4" s="1"/>
      <c r="BH4" s="1"/>
      <c r="BI4" s="1"/>
      <c r="BJ4" s="1"/>
      <c r="BK4" s="1"/>
      <c r="BL4" s="1"/>
      <c r="BM4" s="1">
        <v>1.3</v>
      </c>
      <c r="BN4" s="1">
        <v>0.33</v>
      </c>
      <c r="BO4" s="1">
        <v>1500</v>
      </c>
      <c r="BP4" s="1">
        <v>3100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4027777777777779</v>
      </c>
      <c r="C5" s="1" t="s">
        <v>593</v>
      </c>
      <c r="D5" s="1" t="s">
        <v>45</v>
      </c>
      <c r="F5" s="1" t="s">
        <v>361</v>
      </c>
      <c r="G5" s="1" t="s">
        <v>230</v>
      </c>
      <c r="J5" s="1" t="s">
        <v>61</v>
      </c>
      <c r="K5" s="1" t="s">
        <v>159</v>
      </c>
      <c r="L5" s="1" t="s">
        <v>362</v>
      </c>
      <c r="O5" s="1" t="s">
        <v>41</v>
      </c>
      <c r="P5" s="1" t="s">
        <v>93</v>
      </c>
      <c r="Q5" s="1" t="s">
        <v>79</v>
      </c>
      <c r="R5" s="1" t="s">
        <v>304</v>
      </c>
      <c r="T5" s="1" t="s">
        <v>243</v>
      </c>
      <c r="U5" s="1">
        <v>8.1</v>
      </c>
      <c r="V5" s="1"/>
      <c r="W5" s="1"/>
      <c r="X5" s="1">
        <v>4.2</v>
      </c>
      <c r="Y5" s="1">
        <v>0.3</v>
      </c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50347222222222221</v>
      </c>
      <c r="C6" s="1" t="s">
        <v>593</v>
      </c>
      <c r="D6" s="1" t="s">
        <v>45</v>
      </c>
      <c r="F6" s="1" t="s">
        <v>66</v>
      </c>
      <c r="G6" s="1" t="s">
        <v>90</v>
      </c>
      <c r="J6" s="1" t="s">
        <v>363</v>
      </c>
      <c r="K6" s="1" t="s">
        <v>364</v>
      </c>
      <c r="L6" s="1" t="s">
        <v>365</v>
      </c>
      <c r="O6" s="1" t="s">
        <v>41</v>
      </c>
      <c r="P6" s="1" t="s">
        <v>93</v>
      </c>
      <c r="Q6" s="1" t="s">
        <v>122</v>
      </c>
      <c r="R6" s="1" t="s">
        <v>165</v>
      </c>
      <c r="S6" s="1" t="s">
        <v>166</v>
      </c>
      <c r="T6" s="1" t="s">
        <v>360</v>
      </c>
      <c r="U6" s="1">
        <v>6.5</v>
      </c>
      <c r="V6" s="1">
        <v>7000</v>
      </c>
      <c r="W6" s="1"/>
      <c r="X6" s="1">
        <v>4.5999999999999996</v>
      </c>
      <c r="Y6" s="1">
        <v>0.31</v>
      </c>
      <c r="Z6" s="1">
        <v>1.7000000000000001E-2</v>
      </c>
      <c r="AA6" s="1" t="s">
        <v>644</v>
      </c>
      <c r="AB6" s="1" t="s">
        <v>618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8.3000000000000004E-2</v>
      </c>
      <c r="BC6" s="1">
        <v>2.1</v>
      </c>
      <c r="BD6" s="1">
        <v>2.1</v>
      </c>
      <c r="BE6" s="1"/>
      <c r="BF6" s="1"/>
      <c r="BG6" s="1"/>
      <c r="BH6" s="1"/>
      <c r="BI6" s="1"/>
      <c r="BJ6" s="1"/>
      <c r="BK6" s="1"/>
      <c r="BL6" s="1"/>
      <c r="BM6" s="1">
        <v>1</v>
      </c>
      <c r="BN6" s="1">
        <v>0.26</v>
      </c>
      <c r="BO6" s="1">
        <v>870</v>
      </c>
      <c r="BP6" s="1">
        <v>290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92361111111111116</v>
      </c>
      <c r="C7" s="1" t="s">
        <v>593</v>
      </c>
      <c r="D7" s="1" t="s">
        <v>45</v>
      </c>
      <c r="F7" s="1" t="s">
        <v>168</v>
      </c>
      <c r="G7" s="1" t="s">
        <v>103</v>
      </c>
      <c r="J7" s="1" t="s">
        <v>40</v>
      </c>
      <c r="K7" s="1" t="s">
        <v>36</v>
      </c>
      <c r="L7" s="1" t="s">
        <v>366</v>
      </c>
      <c r="O7" s="1" t="s">
        <v>41</v>
      </c>
      <c r="P7" s="1" t="s">
        <v>93</v>
      </c>
      <c r="Q7" s="1" t="s">
        <v>122</v>
      </c>
      <c r="R7" s="1" t="s">
        <v>36</v>
      </c>
      <c r="T7" s="1" t="s">
        <v>360</v>
      </c>
      <c r="U7" s="1">
        <v>6.5</v>
      </c>
      <c r="V7" s="1"/>
      <c r="W7" s="1"/>
      <c r="X7" s="1">
        <v>4.3</v>
      </c>
      <c r="Y7" s="1">
        <v>0.28999999999999998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/>
      <c r="BP7" s="1"/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56</v>
      </c>
      <c r="B8" s="2">
        <v>0.21249999999999999</v>
      </c>
      <c r="C8" s="1" t="s">
        <v>593</v>
      </c>
      <c r="D8" s="1" t="s">
        <v>57</v>
      </c>
      <c r="F8" s="1" t="s">
        <v>367</v>
      </c>
      <c r="G8" s="1" t="s">
        <v>178</v>
      </c>
      <c r="J8" s="1" t="s">
        <v>227</v>
      </c>
      <c r="K8" s="1" t="s">
        <v>368</v>
      </c>
      <c r="L8" s="1" t="s">
        <v>369</v>
      </c>
      <c r="O8" s="1" t="s">
        <v>41</v>
      </c>
      <c r="P8" s="1" t="s">
        <v>93</v>
      </c>
      <c r="Q8" s="1" t="s">
        <v>122</v>
      </c>
      <c r="R8" s="1" t="s">
        <v>114</v>
      </c>
      <c r="S8" s="1" t="s">
        <v>325</v>
      </c>
      <c r="T8" s="1" t="s">
        <v>166</v>
      </c>
      <c r="U8" s="1">
        <v>6</v>
      </c>
      <c r="V8" s="1">
        <v>790</v>
      </c>
      <c r="W8" s="1"/>
      <c r="X8" s="1">
        <v>6.3</v>
      </c>
      <c r="Y8" s="1">
        <v>0.42</v>
      </c>
      <c r="Z8" s="1">
        <v>7.0000000000000001E-3</v>
      </c>
      <c r="AA8" s="1" t="s">
        <v>646</v>
      </c>
      <c r="AB8" s="1" t="s">
        <v>646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14000000000000001</v>
      </c>
      <c r="BC8" s="1">
        <v>2.8</v>
      </c>
      <c r="BD8" s="1">
        <v>2.9</v>
      </c>
      <c r="BE8" s="1"/>
      <c r="BF8" s="1"/>
      <c r="BG8" s="1"/>
      <c r="BH8" s="1"/>
      <c r="BI8" s="1"/>
      <c r="BJ8" s="1"/>
      <c r="BK8" s="1"/>
      <c r="BL8" s="1"/>
      <c r="BM8" s="1">
        <v>1.7</v>
      </c>
      <c r="BN8" s="1">
        <v>0.36</v>
      </c>
      <c r="BO8" s="1">
        <v>820</v>
      </c>
      <c r="BP8" s="1">
        <v>5300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72916666666666663</v>
      </c>
      <c r="C9" s="1" t="s">
        <v>593</v>
      </c>
      <c r="D9" s="1" t="s">
        <v>57</v>
      </c>
      <c r="F9" s="1" t="s">
        <v>370</v>
      </c>
      <c r="G9" s="1" t="s">
        <v>182</v>
      </c>
      <c r="J9" s="1" t="s">
        <v>91</v>
      </c>
      <c r="K9" s="1" t="s">
        <v>371</v>
      </c>
      <c r="L9" s="1" t="s">
        <v>366</v>
      </c>
      <c r="O9" s="1" t="s">
        <v>41</v>
      </c>
      <c r="P9" s="1" t="s">
        <v>93</v>
      </c>
      <c r="Q9" s="1" t="s">
        <v>122</v>
      </c>
      <c r="R9" s="1" t="s">
        <v>372</v>
      </c>
      <c r="T9" s="1" t="s">
        <v>158</v>
      </c>
      <c r="U9" s="1">
        <v>6.8</v>
      </c>
      <c r="V9" s="1"/>
      <c r="W9" s="1"/>
      <c r="X9" s="1">
        <v>6.1</v>
      </c>
      <c r="Y9" s="1">
        <v>0.42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/>
      <c r="BP9" s="1"/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47569444444444442</v>
      </c>
      <c r="C10" s="1" t="s">
        <v>593</v>
      </c>
      <c r="D10" s="1" t="s">
        <v>27</v>
      </c>
      <c r="F10" s="1" t="s">
        <v>373</v>
      </c>
      <c r="G10" s="1" t="s">
        <v>374</v>
      </c>
      <c r="J10" s="1" t="s">
        <v>375</v>
      </c>
      <c r="K10" s="1" t="s">
        <v>261</v>
      </c>
      <c r="L10" s="1" t="s">
        <v>376</v>
      </c>
      <c r="O10" s="1" t="s">
        <v>41</v>
      </c>
      <c r="P10" s="1" t="s">
        <v>93</v>
      </c>
      <c r="Q10" s="1" t="s">
        <v>94</v>
      </c>
      <c r="R10" s="1" t="s">
        <v>76</v>
      </c>
      <c r="S10" s="1" t="s">
        <v>344</v>
      </c>
      <c r="T10" s="1" t="s">
        <v>102</v>
      </c>
      <c r="U10" s="1">
        <v>8.1</v>
      </c>
      <c r="V10" s="1">
        <v>3300</v>
      </c>
      <c r="W10" s="1"/>
      <c r="X10" s="1">
        <v>4.5</v>
      </c>
      <c r="Y10" s="1">
        <v>0.41</v>
      </c>
      <c r="Z10" s="1">
        <v>2.1999999999999999E-2</v>
      </c>
      <c r="AA10" s="1" t="s">
        <v>646</v>
      </c>
      <c r="AB10" s="1" t="s">
        <v>646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/>
      <c r="AV10" s="1"/>
      <c r="AW10" s="1"/>
      <c r="AX10" s="1"/>
      <c r="AY10" s="1"/>
      <c r="AZ10" s="1"/>
      <c r="BA10" s="1"/>
      <c r="BB10" s="1">
        <v>0.15</v>
      </c>
      <c r="BC10" s="1">
        <v>1.7</v>
      </c>
      <c r="BD10" s="1">
        <v>1.8</v>
      </c>
      <c r="BE10" s="1"/>
      <c r="BF10" s="1"/>
      <c r="BG10" s="1"/>
      <c r="BH10" s="1"/>
      <c r="BI10" s="1"/>
      <c r="BJ10" s="1"/>
      <c r="BK10" s="1"/>
      <c r="BL10" s="1"/>
      <c r="BM10" s="1">
        <v>1.3</v>
      </c>
      <c r="BN10" s="1">
        <v>0.28999999999999998</v>
      </c>
      <c r="BO10" s="1">
        <v>2100</v>
      </c>
      <c r="BP10" s="1">
        <v>620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94444444444444453</v>
      </c>
      <c r="C11" s="1" t="s">
        <v>593</v>
      </c>
      <c r="D11" s="1" t="s">
        <v>27</v>
      </c>
      <c r="F11" s="1" t="s">
        <v>377</v>
      </c>
      <c r="G11" s="1" t="s">
        <v>378</v>
      </c>
      <c r="J11" s="1" t="s">
        <v>281</v>
      </c>
      <c r="K11" s="1" t="s">
        <v>38</v>
      </c>
      <c r="L11" s="1" t="s">
        <v>379</v>
      </c>
      <c r="O11" s="1" t="s">
        <v>41</v>
      </c>
      <c r="P11" s="1" t="s">
        <v>93</v>
      </c>
      <c r="Q11" s="1" t="s">
        <v>217</v>
      </c>
      <c r="R11" s="1" t="s">
        <v>236</v>
      </c>
      <c r="T11" s="1" t="s">
        <v>69</v>
      </c>
      <c r="U11" s="1">
        <v>6.9</v>
      </c>
      <c r="V11" s="1"/>
      <c r="W11" s="1"/>
      <c r="X11" s="1">
        <v>3.2</v>
      </c>
      <c r="Y11" s="1">
        <v>0.28999999999999998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/>
      <c r="BP11" s="1"/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80</v>
      </c>
      <c r="B12" s="2">
        <v>0.28472222222222221</v>
      </c>
      <c r="C12" s="1" t="s">
        <v>593</v>
      </c>
      <c r="D12" s="1" t="s">
        <v>27</v>
      </c>
      <c r="F12" s="1" t="s">
        <v>380</v>
      </c>
      <c r="G12" s="1" t="s">
        <v>381</v>
      </c>
      <c r="J12" s="1" t="s">
        <v>111</v>
      </c>
      <c r="K12" s="1" t="s">
        <v>180</v>
      </c>
      <c r="L12" s="1" t="s">
        <v>33</v>
      </c>
      <c r="O12" s="1" t="s">
        <v>41</v>
      </c>
      <c r="P12" s="1" t="s">
        <v>93</v>
      </c>
      <c r="Q12" s="1" t="s">
        <v>86</v>
      </c>
      <c r="R12" s="1" t="s">
        <v>123</v>
      </c>
      <c r="S12" s="1" t="s">
        <v>236</v>
      </c>
      <c r="T12" s="1" t="s">
        <v>114</v>
      </c>
      <c r="U12" s="1">
        <v>6.6</v>
      </c>
      <c r="V12" s="1">
        <v>14000</v>
      </c>
      <c r="W12" s="1"/>
      <c r="X12" s="1">
        <v>2.8</v>
      </c>
      <c r="Y12" s="1">
        <v>0.26</v>
      </c>
      <c r="Z12" s="1">
        <v>8.9999999999999993E-3</v>
      </c>
      <c r="AA12" s="1" t="s">
        <v>644</v>
      </c>
      <c r="AB12" s="1" t="s">
        <v>618</v>
      </c>
      <c r="AC12" s="1" t="s">
        <v>606</v>
      </c>
      <c r="AD12" s="1" t="s">
        <v>607</v>
      </c>
      <c r="AE12" s="1" t="s">
        <v>608</v>
      </c>
      <c r="AF12" s="1" t="s">
        <v>609</v>
      </c>
      <c r="AG12" s="1" t="s">
        <v>608</v>
      </c>
      <c r="AH12" s="1" t="s">
        <v>606</v>
      </c>
      <c r="AI12" s="1"/>
      <c r="AJ12" s="1" t="s">
        <v>606</v>
      </c>
      <c r="AK12" s="1" t="s">
        <v>610</v>
      </c>
      <c r="AL12" s="1" t="s">
        <v>610</v>
      </c>
      <c r="AM12" s="1" t="s">
        <v>610</v>
      </c>
      <c r="AN12" s="1" t="s">
        <v>610</v>
      </c>
      <c r="AO12" s="1" t="s">
        <v>610</v>
      </c>
      <c r="AP12" t="s">
        <v>610</v>
      </c>
      <c r="AQ12" s="1" t="s">
        <v>610</v>
      </c>
      <c r="AR12" s="1" t="s">
        <v>610</v>
      </c>
      <c r="AS12" s="1" t="s">
        <v>610</v>
      </c>
      <c r="AT12" s="1" t="s">
        <v>610</v>
      </c>
      <c r="AU12" s="1" t="s">
        <v>618</v>
      </c>
      <c r="AV12" s="1" t="s">
        <v>606</v>
      </c>
      <c r="AW12" s="1" t="s">
        <v>606</v>
      </c>
      <c r="AX12" s="1" t="s">
        <v>610</v>
      </c>
      <c r="AY12" s="1" t="s">
        <v>608</v>
      </c>
      <c r="AZ12" s="1"/>
      <c r="BA12" s="1"/>
      <c r="BB12" s="1">
        <v>8.1000000000000003E-2</v>
      </c>
      <c r="BC12" s="1">
        <v>1.8</v>
      </c>
      <c r="BD12" s="1">
        <v>1.8</v>
      </c>
      <c r="BE12" s="1" t="s">
        <v>609</v>
      </c>
      <c r="BF12" s="1" t="s">
        <v>609</v>
      </c>
      <c r="BG12" s="1">
        <v>4.0000000000000001E-3</v>
      </c>
      <c r="BH12" s="1">
        <v>0.03</v>
      </c>
      <c r="BI12" s="1">
        <v>0.03</v>
      </c>
      <c r="BJ12" s="1" t="s">
        <v>609</v>
      </c>
      <c r="BK12" s="1" t="s">
        <v>618</v>
      </c>
      <c r="BL12" s="1">
        <v>1E-3</v>
      </c>
      <c r="BM12" s="1">
        <v>0.76</v>
      </c>
      <c r="BN12" s="1">
        <v>0.23</v>
      </c>
      <c r="BO12" s="1">
        <v>600</v>
      </c>
      <c r="BP12" s="1">
        <v>1500</v>
      </c>
      <c r="BQ12" s="1"/>
      <c r="BR12" s="1"/>
      <c r="BS12" s="1"/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2291666666666663</v>
      </c>
      <c r="C13" s="1" t="s">
        <v>593</v>
      </c>
      <c r="D13" s="1" t="s">
        <v>27</v>
      </c>
      <c r="F13" s="1" t="s">
        <v>382</v>
      </c>
      <c r="G13" s="1" t="s">
        <v>383</v>
      </c>
      <c r="J13" s="1" t="s">
        <v>384</v>
      </c>
      <c r="K13" s="1" t="s">
        <v>385</v>
      </c>
      <c r="L13" s="1" t="s">
        <v>33</v>
      </c>
      <c r="O13" s="1" t="s">
        <v>41</v>
      </c>
      <c r="P13" s="1" t="s">
        <v>93</v>
      </c>
      <c r="Q13" s="1" t="s">
        <v>86</v>
      </c>
      <c r="R13" s="1" t="s">
        <v>281</v>
      </c>
      <c r="T13" s="1" t="s">
        <v>38</v>
      </c>
      <c r="U13" s="1">
        <v>6.6</v>
      </c>
      <c r="V13" s="1"/>
      <c r="W13" s="1"/>
      <c r="X13" s="1">
        <v>3.1</v>
      </c>
      <c r="Y13" s="1">
        <v>0.27</v>
      </c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/>
      <c r="BP13" s="1"/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28125</v>
      </c>
      <c r="C14" s="1" t="s">
        <v>593</v>
      </c>
      <c r="D14" s="1" t="s">
        <v>27</v>
      </c>
      <c r="F14" s="1" t="s">
        <v>53</v>
      </c>
      <c r="G14" s="1" t="s">
        <v>59</v>
      </c>
      <c r="J14" s="1" t="s">
        <v>386</v>
      </c>
      <c r="K14" s="1" t="s">
        <v>55</v>
      </c>
      <c r="L14" s="1" t="s">
        <v>387</v>
      </c>
      <c r="O14" s="1" t="s">
        <v>41</v>
      </c>
      <c r="P14" s="1" t="s">
        <v>93</v>
      </c>
      <c r="Q14" s="1" t="s">
        <v>122</v>
      </c>
      <c r="R14" s="1" t="s">
        <v>43</v>
      </c>
      <c r="S14" s="1" t="s">
        <v>132</v>
      </c>
      <c r="T14" s="1" t="s">
        <v>158</v>
      </c>
      <c r="U14" s="1">
        <v>5.3</v>
      </c>
      <c r="V14" s="1">
        <v>14000</v>
      </c>
      <c r="W14" s="1"/>
      <c r="X14" s="1">
        <v>4</v>
      </c>
      <c r="Y14" s="1">
        <v>0.26</v>
      </c>
      <c r="Z14" s="1">
        <v>0.01</v>
      </c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9.5000000000000001E-2</v>
      </c>
      <c r="BC14" s="1">
        <v>2</v>
      </c>
      <c r="BD14" s="1">
        <v>2</v>
      </c>
      <c r="BE14" s="1"/>
      <c r="BF14" s="1"/>
      <c r="BG14" s="1"/>
      <c r="BH14" s="1"/>
      <c r="BI14" s="1"/>
      <c r="BJ14" s="1"/>
      <c r="BK14" s="1"/>
      <c r="BL14" s="1"/>
      <c r="BM14" s="1">
        <v>1.2</v>
      </c>
      <c r="BN14" s="1">
        <v>0.22</v>
      </c>
      <c r="BO14" s="1">
        <v>240</v>
      </c>
      <c r="BP14" s="1">
        <v>60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B15" s="2">
        <v>0.8125</v>
      </c>
      <c r="C15" s="1" t="s">
        <v>593</v>
      </c>
      <c r="D15" s="1" t="s">
        <v>57</v>
      </c>
      <c r="F15" s="1" t="s">
        <v>234</v>
      </c>
      <c r="G15" s="1" t="s">
        <v>103</v>
      </c>
      <c r="J15" s="1" t="s">
        <v>223</v>
      </c>
      <c r="K15" s="1" t="s">
        <v>388</v>
      </c>
      <c r="L15" s="1" t="s">
        <v>389</v>
      </c>
      <c r="O15" s="1" t="s">
        <v>287</v>
      </c>
      <c r="P15" s="1" t="s">
        <v>93</v>
      </c>
      <c r="Q15" s="1" t="s">
        <v>86</v>
      </c>
      <c r="R15" s="1" t="s">
        <v>62</v>
      </c>
      <c r="T15" s="1" t="s">
        <v>166</v>
      </c>
      <c r="U15" s="1">
        <v>5.2</v>
      </c>
      <c r="V15" s="1"/>
      <c r="W15" s="1"/>
      <c r="X15" s="1">
        <v>3.7</v>
      </c>
      <c r="Y15" s="1">
        <v>0.27</v>
      </c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  <c r="BB15" s="1"/>
      <c r="BC15" s="1"/>
      <c r="BD15" s="1"/>
      <c r="BE15" s="1"/>
      <c r="BF15" s="1"/>
      <c r="BG15" s="1"/>
      <c r="BH15" s="1"/>
      <c r="BI15" s="1"/>
      <c r="BJ15" s="1"/>
      <c r="BK15" s="1"/>
      <c r="BL15" s="1"/>
      <c r="BM15" s="1"/>
      <c r="BN15" s="1"/>
      <c r="BO15" s="1"/>
      <c r="BP15" s="1"/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A16" s="1" t="s">
        <v>107</v>
      </c>
      <c r="B16" s="2">
        <v>0.23958333333333334</v>
      </c>
      <c r="C16" s="1" t="s">
        <v>593</v>
      </c>
      <c r="D16" s="1" t="s">
        <v>27</v>
      </c>
      <c r="F16" s="1" t="s">
        <v>161</v>
      </c>
      <c r="G16" s="1" t="s">
        <v>390</v>
      </c>
      <c r="J16" s="1" t="s">
        <v>49</v>
      </c>
      <c r="K16" s="1" t="s">
        <v>50</v>
      </c>
      <c r="L16" s="1" t="s">
        <v>391</v>
      </c>
      <c r="O16" s="1" t="s">
        <v>41</v>
      </c>
      <c r="P16" s="1" t="s">
        <v>93</v>
      </c>
      <c r="Q16" s="1" t="s">
        <v>79</v>
      </c>
      <c r="R16" s="1" t="s">
        <v>123</v>
      </c>
      <c r="S16" s="1" t="s">
        <v>101</v>
      </c>
      <c r="T16" s="1" t="s">
        <v>166</v>
      </c>
      <c r="U16" s="1">
        <v>6.9</v>
      </c>
      <c r="V16" s="1">
        <v>3300</v>
      </c>
      <c r="W16" s="1"/>
      <c r="X16" s="1">
        <v>3.6</v>
      </c>
      <c r="Y16" s="1">
        <v>0.26</v>
      </c>
      <c r="Z16" s="1">
        <v>8.9999999999999993E-3</v>
      </c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>
        <v>8.6999999999999994E-2</v>
      </c>
      <c r="BC16" s="1">
        <v>2.2999999999999998</v>
      </c>
      <c r="BD16" s="1">
        <v>2.2999999999999998</v>
      </c>
      <c r="BE16" s="1"/>
      <c r="BF16" s="1"/>
      <c r="BG16" s="1"/>
      <c r="BH16" s="1"/>
      <c r="BI16" s="1"/>
      <c r="BJ16" s="1"/>
      <c r="BK16" s="1"/>
      <c r="BL16" s="1"/>
      <c r="BM16" s="1">
        <v>1</v>
      </c>
      <c r="BN16" s="1">
        <v>0.24</v>
      </c>
      <c r="BO16" s="1">
        <v>750</v>
      </c>
      <c r="BP16" s="1">
        <v>2000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B17" s="2">
        <v>0.70833333333333337</v>
      </c>
      <c r="C17" s="1" t="s">
        <v>593</v>
      </c>
      <c r="D17" s="1" t="s">
        <v>27</v>
      </c>
      <c r="F17" s="1" t="s">
        <v>392</v>
      </c>
      <c r="G17" s="1" t="s">
        <v>370</v>
      </c>
      <c r="J17" s="1" t="s">
        <v>260</v>
      </c>
      <c r="K17" s="1" t="s">
        <v>106</v>
      </c>
      <c r="L17" s="1" t="s">
        <v>33</v>
      </c>
      <c r="O17" s="1" t="s">
        <v>41</v>
      </c>
      <c r="P17" s="1" t="s">
        <v>93</v>
      </c>
      <c r="Q17" s="1" t="s">
        <v>86</v>
      </c>
      <c r="R17" s="1" t="s">
        <v>281</v>
      </c>
      <c r="T17" s="1" t="s">
        <v>114</v>
      </c>
      <c r="U17" s="1">
        <v>7.5</v>
      </c>
      <c r="V17" s="1"/>
      <c r="W17" s="1"/>
      <c r="X17" s="1">
        <v>4.4000000000000004</v>
      </c>
      <c r="Y17" s="1">
        <v>0.28999999999999998</v>
      </c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/>
      <c r="BC17" s="1"/>
      <c r="BD17" s="1"/>
      <c r="BE17" s="1"/>
      <c r="BF17" s="1"/>
      <c r="BG17" s="1"/>
      <c r="BH17" s="1"/>
      <c r="BI17" s="1"/>
      <c r="BJ17" s="1"/>
      <c r="BK17" s="1"/>
      <c r="BL17" s="1"/>
      <c r="BM17" s="1"/>
      <c r="BN17" s="1"/>
      <c r="BO17" s="1"/>
      <c r="BP17" s="1"/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A18" s="1" t="s">
        <v>117</v>
      </c>
      <c r="B18" s="2">
        <v>0.21875</v>
      </c>
      <c r="C18" s="1" t="s">
        <v>593</v>
      </c>
      <c r="D18" s="1" t="s">
        <v>27</v>
      </c>
      <c r="F18" s="1" t="s">
        <v>393</v>
      </c>
      <c r="G18" s="1" t="s">
        <v>394</v>
      </c>
      <c r="J18" s="1" t="s">
        <v>62</v>
      </c>
      <c r="K18" s="1" t="s">
        <v>236</v>
      </c>
      <c r="L18" s="1" t="s">
        <v>395</v>
      </c>
      <c r="O18" s="1" t="s">
        <v>41</v>
      </c>
      <c r="P18" s="1" t="s">
        <v>93</v>
      </c>
      <c r="Q18" s="1" t="s">
        <v>122</v>
      </c>
      <c r="R18" s="1" t="s">
        <v>62</v>
      </c>
      <c r="S18" s="1" t="s">
        <v>124</v>
      </c>
      <c r="T18" s="1" t="s">
        <v>114</v>
      </c>
      <c r="U18" s="1">
        <v>3.8</v>
      </c>
      <c r="V18" s="1">
        <v>330</v>
      </c>
      <c r="W18" s="1"/>
      <c r="X18" s="1">
        <v>5.0999999999999996</v>
      </c>
      <c r="Y18" s="1">
        <v>0.32</v>
      </c>
      <c r="Z18" s="1">
        <v>1.2999999999999999E-2</v>
      </c>
      <c r="AA18" s="1" t="s">
        <v>644</v>
      </c>
      <c r="AB18" s="1" t="s">
        <v>618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>
        <v>0.15</v>
      </c>
      <c r="BC18" s="1">
        <v>2.8</v>
      </c>
      <c r="BD18" s="1">
        <v>2.9</v>
      </c>
      <c r="BE18" s="1"/>
      <c r="BF18" s="1"/>
      <c r="BG18" s="1"/>
      <c r="BH18" s="1"/>
      <c r="BI18" s="1"/>
      <c r="BJ18" s="1"/>
      <c r="BK18" s="1"/>
      <c r="BL18" s="1"/>
      <c r="BM18" s="1">
        <v>1.4</v>
      </c>
      <c r="BN18" s="1">
        <v>0.28000000000000003</v>
      </c>
      <c r="BO18" s="1">
        <v>2000</v>
      </c>
      <c r="BP18" s="1">
        <v>4600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B19" s="2">
        <v>0.71527777777777779</v>
      </c>
      <c r="C19" s="1" t="s">
        <v>593</v>
      </c>
      <c r="D19" s="1" t="s">
        <v>27</v>
      </c>
      <c r="F19" s="1" t="s">
        <v>186</v>
      </c>
      <c r="G19" s="1" t="s">
        <v>396</v>
      </c>
      <c r="J19" s="1" t="s">
        <v>152</v>
      </c>
      <c r="K19" s="1" t="s">
        <v>397</v>
      </c>
      <c r="L19" s="1" t="s">
        <v>33</v>
      </c>
      <c r="O19" s="1" t="s">
        <v>41</v>
      </c>
      <c r="P19" s="1" t="s">
        <v>93</v>
      </c>
      <c r="Q19" s="1" t="s">
        <v>86</v>
      </c>
      <c r="R19" s="1" t="s">
        <v>51</v>
      </c>
      <c r="T19" s="1" t="s">
        <v>114</v>
      </c>
      <c r="U19" s="1">
        <v>7.2</v>
      </c>
      <c r="V19" s="1"/>
      <c r="W19" s="1"/>
      <c r="X19" s="1">
        <v>5.5</v>
      </c>
      <c r="Y19" s="1">
        <v>0.35</v>
      </c>
      <c r="Z19" s="1"/>
      <c r="AA19" s="1" t="s">
        <v>646</v>
      </c>
      <c r="AB19" s="1" t="s">
        <v>646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/>
      <c r="BC19" s="1"/>
      <c r="BD19" s="1"/>
      <c r="BE19" s="1"/>
      <c r="BF19" s="1"/>
      <c r="BG19" s="1"/>
      <c r="BH19" s="1"/>
      <c r="BI19" s="1"/>
      <c r="BJ19" s="1"/>
      <c r="BK19" s="1"/>
      <c r="BL19" s="1"/>
      <c r="BM19" s="1"/>
      <c r="BN19" s="1"/>
      <c r="BO19" s="1"/>
      <c r="BP19" s="1"/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A20" s="1" t="s">
        <v>127</v>
      </c>
      <c r="B20" s="2">
        <v>0.4375</v>
      </c>
      <c r="C20" s="1" t="s">
        <v>593</v>
      </c>
      <c r="D20" s="1" t="s">
        <v>27</v>
      </c>
      <c r="F20" s="1" t="s">
        <v>230</v>
      </c>
      <c r="G20" s="1" t="s">
        <v>28</v>
      </c>
      <c r="J20" s="1" t="s">
        <v>157</v>
      </c>
      <c r="K20" s="1" t="s">
        <v>398</v>
      </c>
      <c r="L20" s="1" t="s">
        <v>362</v>
      </c>
      <c r="O20" s="1" t="s">
        <v>41</v>
      </c>
      <c r="Q20" s="1" t="s">
        <v>86</v>
      </c>
      <c r="R20" s="1" t="s">
        <v>38</v>
      </c>
      <c r="S20" s="1" t="s">
        <v>197</v>
      </c>
      <c r="T20" s="1" t="s">
        <v>288</v>
      </c>
      <c r="U20" s="1">
        <v>6.7</v>
      </c>
      <c r="V20" s="1">
        <v>1700</v>
      </c>
      <c r="W20" s="1"/>
      <c r="X20" s="1">
        <v>5.3</v>
      </c>
      <c r="Y20" s="1">
        <v>0.32</v>
      </c>
      <c r="Z20" s="1">
        <v>1.2E-2</v>
      </c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>
        <v>0.16</v>
      </c>
      <c r="BC20" s="1">
        <v>2.7</v>
      </c>
      <c r="BD20" s="1">
        <v>2.8</v>
      </c>
      <c r="BE20" s="1"/>
      <c r="BF20" s="1"/>
      <c r="BG20" s="1"/>
      <c r="BH20" s="1"/>
      <c r="BI20" s="1"/>
      <c r="BJ20" s="1"/>
      <c r="BK20" s="1"/>
      <c r="BL20" s="1"/>
      <c r="BM20" s="1">
        <v>1.4</v>
      </c>
      <c r="BN20" s="1">
        <v>0.28000000000000003</v>
      </c>
      <c r="BO20" s="1">
        <v>2400</v>
      </c>
      <c r="BP20" s="1">
        <v>6800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B21" s="2">
        <v>0.87847222222222221</v>
      </c>
      <c r="C21" s="1" t="s">
        <v>593</v>
      </c>
      <c r="D21" s="1" t="s">
        <v>27</v>
      </c>
      <c r="F21" s="1" t="s">
        <v>399</v>
      </c>
      <c r="G21" s="1" t="s">
        <v>400</v>
      </c>
      <c r="J21" s="1" t="s">
        <v>87</v>
      </c>
      <c r="K21" s="1" t="s">
        <v>229</v>
      </c>
      <c r="L21" s="1" t="s">
        <v>401</v>
      </c>
      <c r="O21" s="1" t="s">
        <v>287</v>
      </c>
      <c r="Q21" s="1" t="s">
        <v>79</v>
      </c>
      <c r="R21" s="1" t="s">
        <v>314</v>
      </c>
      <c r="T21" s="1" t="s">
        <v>402</v>
      </c>
      <c r="U21" s="1">
        <v>6.9</v>
      </c>
      <c r="V21" s="1"/>
      <c r="W21" s="1"/>
      <c r="X21" s="1">
        <v>5.7</v>
      </c>
      <c r="Y21" s="1">
        <v>0.32</v>
      </c>
      <c r="Z21" s="1"/>
      <c r="AA21" s="1" t="s">
        <v>646</v>
      </c>
      <c r="AB21" s="1" t="s">
        <v>646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/>
      <c r="BC21" s="1"/>
      <c r="BD21" s="1"/>
      <c r="BE21" s="1"/>
      <c r="BF21" s="1"/>
      <c r="BG21" s="1"/>
      <c r="BH21" s="1"/>
      <c r="BI21" s="1"/>
      <c r="BJ21" s="1"/>
      <c r="BK21" s="1"/>
      <c r="BL21" s="1"/>
      <c r="BM21" s="1"/>
      <c r="BN21" s="1"/>
      <c r="BO21" s="1"/>
      <c r="BP21" s="1"/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A22" s="1" t="s">
        <v>136</v>
      </c>
      <c r="B22" s="2">
        <v>0.4861111111111111</v>
      </c>
      <c r="C22" s="1" t="s">
        <v>593</v>
      </c>
      <c r="D22" s="1" t="s">
        <v>45</v>
      </c>
      <c r="F22" s="1" t="s">
        <v>299</v>
      </c>
      <c r="G22" s="1" t="s">
        <v>403</v>
      </c>
      <c r="J22" s="1" t="s">
        <v>123</v>
      </c>
      <c r="K22" s="1" t="s">
        <v>114</v>
      </c>
      <c r="L22" s="1" t="s">
        <v>404</v>
      </c>
      <c r="O22" s="1" t="s">
        <v>41</v>
      </c>
      <c r="Q22" s="1" t="s">
        <v>122</v>
      </c>
      <c r="R22" s="1" t="s">
        <v>51</v>
      </c>
      <c r="S22" s="1" t="s">
        <v>132</v>
      </c>
      <c r="T22" s="1" t="s">
        <v>166</v>
      </c>
      <c r="U22" s="1">
        <v>8.9</v>
      </c>
      <c r="V22" s="1">
        <v>230</v>
      </c>
      <c r="W22" s="1"/>
      <c r="X22" s="1">
        <v>4.9000000000000004</v>
      </c>
      <c r="Y22" s="1">
        <v>0.23</v>
      </c>
      <c r="Z22" s="1">
        <v>1.0999999999999999E-2</v>
      </c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>
        <v>0.13</v>
      </c>
      <c r="BC22" s="1">
        <v>2.2999999999999998</v>
      </c>
      <c r="BD22" s="1">
        <v>2.4</v>
      </c>
      <c r="BE22" s="1"/>
      <c r="BF22" s="1"/>
      <c r="BG22" s="1"/>
      <c r="BH22" s="1"/>
      <c r="BI22" s="1"/>
      <c r="BJ22" s="1"/>
      <c r="BK22" s="1"/>
      <c r="BL22" s="1"/>
      <c r="BM22" s="1">
        <v>1.2</v>
      </c>
      <c r="BN22" s="1">
        <v>0.2</v>
      </c>
      <c r="BO22" s="1">
        <v>4200</v>
      </c>
      <c r="BP22" s="1">
        <v>10000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B23" s="2">
        <v>0.90277777777777779</v>
      </c>
      <c r="C23" s="1" t="s">
        <v>593</v>
      </c>
      <c r="D23" s="1" t="s">
        <v>45</v>
      </c>
      <c r="F23" s="1" t="s">
        <v>114</v>
      </c>
      <c r="G23" s="1" t="s">
        <v>79</v>
      </c>
      <c r="J23" s="1" t="s">
        <v>405</v>
      </c>
      <c r="K23" s="1" t="s">
        <v>406</v>
      </c>
      <c r="L23" s="1" t="s">
        <v>33</v>
      </c>
      <c r="O23" s="1" t="s">
        <v>41</v>
      </c>
      <c r="Q23" s="1" t="s">
        <v>122</v>
      </c>
      <c r="R23" s="1" t="s">
        <v>36</v>
      </c>
      <c r="T23" s="1" t="s">
        <v>166</v>
      </c>
      <c r="U23" s="1">
        <v>9</v>
      </c>
      <c r="V23" s="1"/>
      <c r="W23" s="1"/>
      <c r="X23" s="1">
        <v>5.0999999999999996</v>
      </c>
      <c r="Y23" s="1">
        <v>0.27</v>
      </c>
      <c r="Z23" s="1"/>
      <c r="AA23" s="1" t="s">
        <v>646</v>
      </c>
      <c r="AB23" s="1" t="s">
        <v>646</v>
      </c>
      <c r="AC23" s="1"/>
      <c r="AD23" s="1"/>
      <c r="AE23" s="1"/>
      <c r="AF23" s="1"/>
      <c r="AG23" s="1"/>
      <c r="AH23" s="1"/>
      <c r="AI23" s="1"/>
      <c r="AJ23" s="1"/>
      <c r="AK23" s="1"/>
      <c r="AL23" s="1"/>
      <c r="AM23" s="1"/>
      <c r="AN23" s="1"/>
      <c r="AO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  <c r="BB23" s="1"/>
      <c r="BC23" s="1"/>
      <c r="BD23" s="1"/>
      <c r="BE23" s="1"/>
      <c r="BF23" s="1"/>
      <c r="BG23" s="1"/>
      <c r="BH23" s="1"/>
      <c r="BI23" s="1"/>
      <c r="BJ23" s="1"/>
      <c r="BK23" s="1"/>
      <c r="BL23" s="1"/>
      <c r="BM23" s="1"/>
      <c r="BN23" s="1"/>
      <c r="BO23" s="1"/>
      <c r="BP23" s="1"/>
      <c r="BQ23" s="1"/>
      <c r="BR23" s="1"/>
      <c r="BS23" s="1"/>
      <c r="BT23" s="1"/>
      <c r="BU23" s="1"/>
      <c r="BV23" s="1"/>
      <c r="BW23" s="1"/>
      <c r="BX23" s="1"/>
      <c r="BY23" s="1"/>
      <c r="BZ23" s="1"/>
    </row>
    <row r="24" spans="1:78" x14ac:dyDescent="0.15">
      <c r="A24" s="1" t="s">
        <v>147</v>
      </c>
      <c r="B24" s="2">
        <v>0.28472222222222221</v>
      </c>
      <c r="C24" s="1" t="s">
        <v>593</v>
      </c>
      <c r="D24" s="1" t="s">
        <v>27</v>
      </c>
      <c r="F24" s="1" t="s">
        <v>407</v>
      </c>
      <c r="G24" s="1" t="s">
        <v>408</v>
      </c>
      <c r="J24" s="1" t="s">
        <v>409</v>
      </c>
      <c r="K24" s="1" t="s">
        <v>233</v>
      </c>
      <c r="L24" s="1" t="s">
        <v>410</v>
      </c>
      <c r="O24" s="1" t="s">
        <v>41</v>
      </c>
      <c r="Q24" s="1" t="s">
        <v>86</v>
      </c>
      <c r="R24" s="1" t="s">
        <v>68</v>
      </c>
      <c r="S24" s="1" t="s">
        <v>411</v>
      </c>
      <c r="T24" s="1" t="s">
        <v>114</v>
      </c>
      <c r="U24" s="1">
        <v>8.8000000000000007</v>
      </c>
      <c r="V24" s="1">
        <v>330</v>
      </c>
      <c r="W24" s="1"/>
      <c r="X24" s="1">
        <v>5.5</v>
      </c>
      <c r="Y24" s="1">
        <v>0.37</v>
      </c>
      <c r="Z24" s="1">
        <v>1.2999999999999999E-2</v>
      </c>
      <c r="AA24" s="1" t="s">
        <v>644</v>
      </c>
      <c r="AB24" s="1" t="s">
        <v>650</v>
      </c>
      <c r="AC24" s="1" t="s">
        <v>606</v>
      </c>
      <c r="AD24" s="1" t="s">
        <v>607</v>
      </c>
      <c r="AE24" s="1" t="s">
        <v>608</v>
      </c>
      <c r="AF24" s="1" t="s">
        <v>609</v>
      </c>
      <c r="AG24" s="1" t="s">
        <v>608</v>
      </c>
      <c r="AH24" s="1" t="s">
        <v>606</v>
      </c>
      <c r="AI24" s="1"/>
      <c r="AJ24" s="1"/>
      <c r="AK24" s="1" t="s">
        <v>610</v>
      </c>
      <c r="AL24" s="1" t="s">
        <v>610</v>
      </c>
      <c r="AM24" s="1" t="s">
        <v>610</v>
      </c>
      <c r="AN24" s="1" t="s">
        <v>610</v>
      </c>
      <c r="AO24" s="1" t="s">
        <v>610</v>
      </c>
      <c r="AP24" t="s">
        <v>610</v>
      </c>
      <c r="AQ24" s="1" t="s">
        <v>610</v>
      </c>
      <c r="AR24" s="1" t="s">
        <v>610</v>
      </c>
      <c r="AS24" s="1" t="s">
        <v>610</v>
      </c>
      <c r="AT24" s="1" t="s">
        <v>610</v>
      </c>
      <c r="AU24" s="1" t="s">
        <v>618</v>
      </c>
      <c r="AV24" s="1" t="s">
        <v>606</v>
      </c>
      <c r="AW24" s="1" t="s">
        <v>606</v>
      </c>
      <c r="AX24" s="1" t="s">
        <v>610</v>
      </c>
      <c r="AY24" s="1" t="s">
        <v>608</v>
      </c>
      <c r="AZ24" s="1"/>
      <c r="BA24" s="1"/>
      <c r="BB24" s="1">
        <v>0.16</v>
      </c>
      <c r="BC24" s="1">
        <v>3.2</v>
      </c>
      <c r="BD24" s="1">
        <v>3.3</v>
      </c>
      <c r="BE24" s="1" t="s">
        <v>609</v>
      </c>
      <c r="BF24" s="1" t="s">
        <v>609</v>
      </c>
      <c r="BG24" s="1" t="s">
        <v>619</v>
      </c>
      <c r="BH24" s="1">
        <v>0.02</v>
      </c>
      <c r="BI24" s="1">
        <v>0.03</v>
      </c>
      <c r="BJ24" s="1" t="s">
        <v>609</v>
      </c>
      <c r="BK24" s="1"/>
      <c r="BL24" s="1"/>
      <c r="BM24" s="1">
        <v>1.6</v>
      </c>
      <c r="BN24" s="1">
        <v>0.32</v>
      </c>
      <c r="BO24" s="1">
        <v>2700</v>
      </c>
      <c r="BP24" s="1">
        <v>5000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B25" s="2">
        <v>0.80208333333333337</v>
      </c>
      <c r="C25" s="1" t="s">
        <v>593</v>
      </c>
      <c r="D25" s="1" t="s">
        <v>27</v>
      </c>
      <c r="F25" s="1" t="s">
        <v>37</v>
      </c>
      <c r="G25" s="1" t="s">
        <v>86</v>
      </c>
      <c r="J25" s="1" t="s">
        <v>297</v>
      </c>
      <c r="K25" s="1" t="s">
        <v>88</v>
      </c>
      <c r="L25" s="1" t="s">
        <v>33</v>
      </c>
      <c r="O25" s="1" t="s">
        <v>34</v>
      </c>
      <c r="Q25" s="1" t="s">
        <v>122</v>
      </c>
      <c r="R25" s="1" t="s">
        <v>106</v>
      </c>
      <c r="T25" s="1" t="s">
        <v>114</v>
      </c>
      <c r="U25" s="1">
        <v>9</v>
      </c>
      <c r="V25" s="1"/>
      <c r="W25" s="1"/>
      <c r="X25" s="1">
        <v>6.6</v>
      </c>
      <c r="Y25" s="1">
        <v>0.38</v>
      </c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/>
      <c r="BC25" s="1"/>
      <c r="BD25" s="1"/>
      <c r="BE25" s="1"/>
      <c r="BF25" s="1"/>
      <c r="BG25" s="1"/>
      <c r="BH25" s="1"/>
      <c r="BI25" s="1"/>
      <c r="BJ25" s="1"/>
      <c r="BK25" s="1"/>
      <c r="BL25" s="1"/>
      <c r="BM25" s="1"/>
      <c r="BN25" s="1"/>
      <c r="BO25" s="1"/>
      <c r="BP25" s="1"/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A26" s="1" t="s">
        <v>153</v>
      </c>
      <c r="B26" s="2">
        <v>0.42708333333333331</v>
      </c>
      <c r="C26" s="1" t="s">
        <v>593</v>
      </c>
      <c r="D26" s="1" t="s">
        <v>27</v>
      </c>
      <c r="F26" s="1" t="s">
        <v>237</v>
      </c>
      <c r="G26" s="1" t="s">
        <v>412</v>
      </c>
      <c r="J26" s="1" t="s">
        <v>146</v>
      </c>
      <c r="K26" s="1" t="s">
        <v>413</v>
      </c>
      <c r="L26" s="1" t="s">
        <v>414</v>
      </c>
      <c r="O26" s="1" t="s">
        <v>41</v>
      </c>
      <c r="Q26" s="1" t="s">
        <v>35</v>
      </c>
      <c r="R26" s="1" t="s">
        <v>114</v>
      </c>
      <c r="S26" s="1" t="s">
        <v>288</v>
      </c>
      <c r="T26" s="1" t="s">
        <v>69</v>
      </c>
      <c r="U26" s="1">
        <v>7.8</v>
      </c>
      <c r="V26" s="1">
        <v>23000</v>
      </c>
      <c r="W26" s="1"/>
      <c r="X26" s="1">
        <v>4.7</v>
      </c>
      <c r="Y26" s="1">
        <v>0.33</v>
      </c>
      <c r="Z26" s="1">
        <v>1.7000000000000001E-2</v>
      </c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>
        <v>0.13</v>
      </c>
      <c r="BC26" s="1">
        <v>2</v>
      </c>
      <c r="BD26" s="1">
        <v>2.1</v>
      </c>
      <c r="BE26" s="1"/>
      <c r="BF26" s="1"/>
      <c r="BG26" s="1"/>
      <c r="BH26" s="1"/>
      <c r="BI26" s="1"/>
      <c r="BJ26" s="1"/>
      <c r="BK26" s="1"/>
      <c r="BL26" s="1"/>
      <c r="BM26" s="1">
        <v>1.4</v>
      </c>
      <c r="BN26" s="1">
        <v>0.26</v>
      </c>
      <c r="BO26" s="1">
        <v>3400</v>
      </c>
      <c r="BP26" s="1">
        <v>3600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7" spans="1:78" x14ac:dyDescent="0.15">
      <c r="B27" s="2">
        <v>0.90972222222222221</v>
      </c>
      <c r="C27" s="1" t="s">
        <v>593</v>
      </c>
      <c r="D27" s="1" t="s">
        <v>57</v>
      </c>
      <c r="F27" s="1" t="s">
        <v>415</v>
      </c>
      <c r="G27" s="1" t="s">
        <v>354</v>
      </c>
      <c r="J27" s="1" t="s">
        <v>146</v>
      </c>
      <c r="K27" s="1" t="s">
        <v>113</v>
      </c>
      <c r="L27" s="1" t="s">
        <v>416</v>
      </c>
      <c r="O27" s="1" t="s">
        <v>41</v>
      </c>
      <c r="Q27" s="1" t="s">
        <v>122</v>
      </c>
      <c r="R27" s="1" t="s">
        <v>181</v>
      </c>
      <c r="T27" s="1" t="s">
        <v>288</v>
      </c>
      <c r="U27" s="1">
        <v>8.1</v>
      </c>
      <c r="V27" s="1"/>
      <c r="W27" s="1"/>
      <c r="X27" s="1">
        <v>4.5999999999999996</v>
      </c>
      <c r="Y27" s="1">
        <v>0.3</v>
      </c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  <c r="BB27" s="1"/>
      <c r="BC27" s="1"/>
      <c r="BD27" s="1"/>
      <c r="BE27" s="1"/>
      <c r="BF27" s="1"/>
      <c r="BG27" s="1"/>
      <c r="BH27" s="1"/>
      <c r="BI27" s="1"/>
      <c r="BJ27" s="1"/>
      <c r="BK27" s="1"/>
      <c r="BL27" s="1"/>
      <c r="BM27" s="1"/>
      <c r="BN27" s="1"/>
      <c r="BO27" s="1"/>
      <c r="BP27" s="1"/>
      <c r="BQ27" s="1"/>
      <c r="BR27" s="1"/>
      <c r="BS27" s="1"/>
      <c r="BT27" s="1"/>
      <c r="BU27" s="1"/>
      <c r="BV27" s="1"/>
      <c r="BW27" s="1"/>
      <c r="BX27" s="1"/>
      <c r="BY27" s="1"/>
      <c r="BZ27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  <row r="469" spans="21:21" x14ac:dyDescent="0.15">
      <c r="U469" s="1"/>
    </row>
    <row r="470" spans="21:21" x14ac:dyDescent="0.15">
      <c r="U470" s="1"/>
    </row>
  </sheetData>
  <phoneticPr fontId="18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6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595</v>
      </c>
      <c r="C1" s="1" t="s">
        <v>1</v>
      </c>
      <c r="D1" s="1" t="s">
        <v>596</v>
      </c>
      <c r="E1" s="1" t="s">
        <v>2</v>
      </c>
      <c r="F1" s="1" t="s">
        <v>597</v>
      </c>
      <c r="G1" s="1" t="s">
        <v>3</v>
      </c>
      <c r="H1" s="1" t="s">
        <v>59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3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1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1944444444444448</v>
      </c>
      <c r="C4" s="1" t="s">
        <v>593</v>
      </c>
      <c r="D4" s="1" t="s">
        <v>27</v>
      </c>
      <c r="E4" s="1" t="s">
        <v>417</v>
      </c>
      <c r="F4" s="1" t="s">
        <v>246</v>
      </c>
      <c r="G4" s="1" t="s">
        <v>418</v>
      </c>
      <c r="H4" s="1" t="s">
        <v>297</v>
      </c>
      <c r="I4" s="1" t="s">
        <v>419</v>
      </c>
      <c r="J4" s="1" t="s">
        <v>420</v>
      </c>
      <c r="K4" s="1" t="s">
        <v>421</v>
      </c>
      <c r="L4" s="1" t="s">
        <v>33</v>
      </c>
      <c r="N4" s="1" t="s">
        <v>422</v>
      </c>
      <c r="O4" s="1" t="s">
        <v>423</v>
      </c>
      <c r="P4" s="1" t="s">
        <v>302</v>
      </c>
      <c r="Q4" s="1" t="s">
        <v>35</v>
      </c>
      <c r="R4" s="1" t="s">
        <v>424</v>
      </c>
      <c r="S4" s="1" t="s">
        <v>304</v>
      </c>
      <c r="T4" s="1" t="s">
        <v>166</v>
      </c>
      <c r="U4" s="1">
        <v>9.1</v>
      </c>
      <c r="V4" s="3">
        <v>23000</v>
      </c>
      <c r="W4" s="1"/>
      <c r="X4" s="1">
        <v>3.3</v>
      </c>
      <c r="Y4" s="1">
        <v>4.4999999999999998E-2</v>
      </c>
      <c r="Z4" s="1">
        <v>6.0000000000000001E-3</v>
      </c>
      <c r="AA4" s="1" t="s">
        <v>644</v>
      </c>
      <c r="AB4" s="1" t="s">
        <v>651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1</v>
      </c>
      <c r="BC4" s="1">
        <v>3.1</v>
      </c>
      <c r="BD4" s="1">
        <v>3.1</v>
      </c>
      <c r="BE4" s="1"/>
      <c r="BF4" s="1"/>
      <c r="BG4" s="1"/>
      <c r="BH4" s="1"/>
      <c r="BI4" s="1"/>
      <c r="BJ4" s="1"/>
      <c r="BK4" s="1"/>
      <c r="BL4" s="1"/>
      <c r="BM4" s="1">
        <v>0.05</v>
      </c>
      <c r="BN4" s="1">
        <v>2.8000000000000001E-2</v>
      </c>
      <c r="BO4" s="1">
        <v>32</v>
      </c>
      <c r="BP4" s="1">
        <v>23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1944444444444453</v>
      </c>
      <c r="C5" s="1" t="s">
        <v>593</v>
      </c>
      <c r="D5" s="1" t="s">
        <v>27</v>
      </c>
      <c r="E5" s="1" t="s">
        <v>417</v>
      </c>
      <c r="F5" s="1" t="s">
        <v>425</v>
      </c>
      <c r="G5" s="1" t="s">
        <v>426</v>
      </c>
      <c r="H5" s="1" t="s">
        <v>427</v>
      </c>
      <c r="I5" s="1" t="s">
        <v>428</v>
      </c>
      <c r="J5" s="1" t="s">
        <v>420</v>
      </c>
      <c r="K5" s="1" t="s">
        <v>421</v>
      </c>
      <c r="N5" s="1" t="s">
        <v>422</v>
      </c>
      <c r="P5" s="1" t="s">
        <v>302</v>
      </c>
      <c r="Q5" s="1" t="s">
        <v>35</v>
      </c>
      <c r="R5" s="1" t="s">
        <v>68</v>
      </c>
      <c r="S5" s="1" t="s">
        <v>207</v>
      </c>
      <c r="T5" s="1" t="s">
        <v>166</v>
      </c>
      <c r="U5" s="1">
        <v>6.9</v>
      </c>
      <c r="V5" s="1"/>
      <c r="W5" s="1"/>
      <c r="X5" s="1">
        <v>3.3</v>
      </c>
      <c r="Y5" s="1">
        <v>5.2999999999999999E-2</v>
      </c>
      <c r="Z5" s="1"/>
      <c r="AA5" s="1" t="s">
        <v>646</v>
      </c>
      <c r="AB5" s="1" t="s">
        <v>64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1</v>
      </c>
      <c r="BP5" s="1">
        <v>21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31944444444444448</v>
      </c>
      <c r="C6" s="1" t="s">
        <v>593</v>
      </c>
      <c r="D6" s="1" t="s">
        <v>429</v>
      </c>
      <c r="E6" s="1" t="s">
        <v>417</v>
      </c>
      <c r="F6" s="1" t="s">
        <v>381</v>
      </c>
      <c r="G6" s="1" t="s">
        <v>430</v>
      </c>
      <c r="H6" s="1" t="s">
        <v>371</v>
      </c>
      <c r="I6" s="1" t="s">
        <v>431</v>
      </c>
      <c r="J6" s="1" t="s">
        <v>420</v>
      </c>
      <c r="K6" s="1" t="s">
        <v>421</v>
      </c>
      <c r="L6" s="1" t="s">
        <v>33</v>
      </c>
      <c r="N6" s="1" t="s">
        <v>422</v>
      </c>
      <c r="O6" s="1" t="s">
        <v>423</v>
      </c>
      <c r="P6" s="1" t="s">
        <v>302</v>
      </c>
      <c r="Q6" s="1" t="s">
        <v>86</v>
      </c>
      <c r="R6" s="1" t="s">
        <v>55</v>
      </c>
      <c r="S6" s="1" t="s">
        <v>207</v>
      </c>
      <c r="T6" s="1" t="s">
        <v>288</v>
      </c>
      <c r="U6" s="1">
        <v>9.5</v>
      </c>
      <c r="V6" s="3">
        <v>17000</v>
      </c>
      <c r="W6" s="1"/>
      <c r="X6" s="1">
        <v>3.3</v>
      </c>
      <c r="Y6" s="1">
        <v>0.13</v>
      </c>
      <c r="Z6" s="1">
        <v>8.9999999999999993E-3</v>
      </c>
      <c r="AA6" s="1" t="s">
        <v>644</v>
      </c>
      <c r="AB6" s="1" t="s">
        <v>652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1</v>
      </c>
      <c r="BC6" s="1">
        <v>2.9</v>
      </c>
      <c r="BD6" s="1">
        <v>2.9</v>
      </c>
      <c r="BE6" s="1"/>
      <c r="BF6" s="1"/>
      <c r="BG6" s="1"/>
      <c r="BH6" s="1"/>
      <c r="BI6" s="1"/>
      <c r="BJ6" s="1"/>
      <c r="BK6" s="1"/>
      <c r="BL6" s="1"/>
      <c r="BM6" s="1" t="s">
        <v>625</v>
      </c>
      <c r="BN6" s="1">
        <v>0.11</v>
      </c>
      <c r="BO6" s="1">
        <v>29</v>
      </c>
      <c r="BP6" s="1">
        <v>22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1944444444444453</v>
      </c>
      <c r="C7" s="1" t="s">
        <v>593</v>
      </c>
      <c r="D7" s="1" t="s">
        <v>27</v>
      </c>
      <c r="E7" s="1" t="s">
        <v>417</v>
      </c>
      <c r="F7" s="1" t="s">
        <v>383</v>
      </c>
      <c r="G7" s="1" t="s">
        <v>225</v>
      </c>
      <c r="H7" s="1" t="s">
        <v>189</v>
      </c>
      <c r="I7" s="1" t="s">
        <v>32</v>
      </c>
      <c r="J7" s="1" t="s">
        <v>420</v>
      </c>
      <c r="K7" s="1" t="s">
        <v>421</v>
      </c>
      <c r="N7" s="1" t="s">
        <v>422</v>
      </c>
      <c r="P7" s="1" t="s">
        <v>302</v>
      </c>
      <c r="Q7" s="1" t="s">
        <v>35</v>
      </c>
      <c r="R7" s="1" t="s">
        <v>424</v>
      </c>
      <c r="S7" s="1" t="s">
        <v>304</v>
      </c>
      <c r="T7" s="1" t="s">
        <v>158</v>
      </c>
      <c r="U7" s="1">
        <v>7.2</v>
      </c>
      <c r="V7" s="1"/>
      <c r="W7" s="1"/>
      <c r="X7" s="1">
        <v>3.1</v>
      </c>
      <c r="Y7" s="1">
        <v>0.12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8</v>
      </c>
      <c r="BP7" s="1">
        <v>21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32</v>
      </c>
      <c r="B8" s="2">
        <v>0.31944444444444448</v>
      </c>
      <c r="C8" s="1" t="s">
        <v>593</v>
      </c>
      <c r="D8" s="1" t="s">
        <v>27</v>
      </c>
      <c r="E8" s="1" t="s">
        <v>417</v>
      </c>
      <c r="F8" s="1" t="s">
        <v>433</v>
      </c>
      <c r="G8" s="1" t="s">
        <v>370</v>
      </c>
      <c r="H8" s="1" t="s">
        <v>75</v>
      </c>
      <c r="I8" s="1" t="s">
        <v>319</v>
      </c>
      <c r="J8" s="1" t="s">
        <v>420</v>
      </c>
      <c r="K8" s="1" t="s">
        <v>421</v>
      </c>
      <c r="L8" s="1" t="s">
        <v>33</v>
      </c>
      <c r="N8" s="1" t="s">
        <v>422</v>
      </c>
      <c r="O8" s="1" t="s">
        <v>423</v>
      </c>
      <c r="P8" s="1" t="s">
        <v>302</v>
      </c>
      <c r="Q8" s="1" t="s">
        <v>86</v>
      </c>
      <c r="R8" s="1" t="s">
        <v>36</v>
      </c>
      <c r="S8" s="1" t="s">
        <v>172</v>
      </c>
      <c r="T8" s="1" t="s">
        <v>242</v>
      </c>
      <c r="U8" s="1">
        <v>8.8000000000000007</v>
      </c>
      <c r="V8" s="3">
        <v>22000</v>
      </c>
      <c r="W8" s="1"/>
      <c r="X8" s="1">
        <v>3.3</v>
      </c>
      <c r="Y8" s="1">
        <v>0.15</v>
      </c>
      <c r="Z8" s="1">
        <v>8.9999999999999993E-3</v>
      </c>
      <c r="AA8" s="1" t="s">
        <v>644</v>
      </c>
      <c r="AB8" s="1" t="s">
        <v>653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1</v>
      </c>
      <c r="BC8" s="1">
        <v>3</v>
      </c>
      <c r="BD8" s="1">
        <v>3</v>
      </c>
      <c r="BE8" s="1"/>
      <c r="BF8" s="1"/>
      <c r="BG8" s="1"/>
      <c r="BH8" s="1"/>
      <c r="BI8" s="1"/>
      <c r="BJ8" s="1"/>
      <c r="BK8" s="1"/>
      <c r="BL8" s="1"/>
      <c r="BM8" s="1" t="s">
        <v>625</v>
      </c>
      <c r="BN8" s="1">
        <v>0.13</v>
      </c>
      <c r="BO8" s="1">
        <v>29</v>
      </c>
      <c r="BP8" s="1">
        <v>2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1944444444444453</v>
      </c>
      <c r="C9" s="1" t="s">
        <v>593</v>
      </c>
      <c r="D9" s="1" t="s">
        <v>27</v>
      </c>
      <c r="E9" s="1" t="s">
        <v>417</v>
      </c>
      <c r="F9" s="1" t="s">
        <v>367</v>
      </c>
      <c r="G9" s="1" t="s">
        <v>116</v>
      </c>
      <c r="H9" s="1" t="s">
        <v>434</v>
      </c>
      <c r="I9" s="1" t="s">
        <v>340</v>
      </c>
      <c r="J9" s="1" t="s">
        <v>420</v>
      </c>
      <c r="K9" s="1" t="s">
        <v>421</v>
      </c>
      <c r="N9" s="1" t="s">
        <v>422</v>
      </c>
      <c r="P9" s="1" t="s">
        <v>435</v>
      </c>
      <c r="Q9" s="1" t="s">
        <v>35</v>
      </c>
      <c r="R9" s="1" t="s">
        <v>424</v>
      </c>
      <c r="S9" s="1" t="s">
        <v>101</v>
      </c>
      <c r="T9" s="1" t="s">
        <v>288</v>
      </c>
      <c r="U9" s="1">
        <v>7.2</v>
      </c>
      <c r="V9" s="1"/>
      <c r="W9" s="1"/>
      <c r="X9" s="1">
        <v>3.4</v>
      </c>
      <c r="Y9" s="1">
        <v>0.17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0</v>
      </c>
      <c r="BP9" s="1">
        <v>23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31597222222222221</v>
      </c>
      <c r="C10" s="1" t="s">
        <v>593</v>
      </c>
      <c r="D10" s="1" t="s">
        <v>27</v>
      </c>
      <c r="E10" s="1" t="s">
        <v>417</v>
      </c>
      <c r="F10" s="1" t="s">
        <v>436</v>
      </c>
      <c r="G10" s="1" t="s">
        <v>81</v>
      </c>
      <c r="H10" s="1" t="s">
        <v>239</v>
      </c>
      <c r="I10" s="1" t="s">
        <v>437</v>
      </c>
      <c r="J10" s="1" t="s">
        <v>420</v>
      </c>
      <c r="K10" s="1" t="s">
        <v>421</v>
      </c>
      <c r="L10" s="1" t="s">
        <v>33</v>
      </c>
      <c r="N10" s="1" t="s">
        <v>422</v>
      </c>
      <c r="O10" s="1" t="s">
        <v>423</v>
      </c>
      <c r="P10" s="1" t="s">
        <v>302</v>
      </c>
      <c r="Q10" s="1" t="s">
        <v>86</v>
      </c>
      <c r="R10" s="1" t="s">
        <v>165</v>
      </c>
      <c r="S10" s="1" t="s">
        <v>37</v>
      </c>
      <c r="T10" s="1" t="s">
        <v>148</v>
      </c>
      <c r="U10" s="1">
        <v>8.1999999999999993</v>
      </c>
      <c r="V10" s="3">
        <v>17000</v>
      </c>
      <c r="W10" s="1"/>
      <c r="X10" s="1">
        <v>3.2</v>
      </c>
      <c r="Y10" s="1">
        <v>0.12</v>
      </c>
      <c r="Z10" s="1">
        <v>0.01</v>
      </c>
      <c r="AA10" s="1" t="s">
        <v>644</v>
      </c>
      <c r="AB10" s="1" t="s">
        <v>654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13</v>
      </c>
      <c r="AV10" s="1" t="s">
        <v>606</v>
      </c>
      <c r="AW10" s="1" t="s">
        <v>606</v>
      </c>
      <c r="AX10" s="1"/>
      <c r="AY10" s="1"/>
      <c r="AZ10" s="1"/>
      <c r="BA10" s="1"/>
      <c r="BB10" s="1">
        <v>0.01</v>
      </c>
      <c r="BC10" s="1">
        <v>2.8</v>
      </c>
      <c r="BD10" s="1">
        <v>2.8</v>
      </c>
      <c r="BE10" s="1"/>
      <c r="BF10" s="1"/>
      <c r="BG10" s="1"/>
      <c r="BH10" s="1"/>
      <c r="BI10" s="1"/>
      <c r="BJ10" s="1"/>
      <c r="BK10" s="1"/>
      <c r="BL10" s="1"/>
      <c r="BM10" s="1">
        <v>0.05</v>
      </c>
      <c r="BN10" s="1">
        <v>0.1</v>
      </c>
      <c r="BO10" s="1">
        <v>32</v>
      </c>
      <c r="BP10" s="1">
        <v>29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1597222222222221</v>
      </c>
      <c r="C11" s="1" t="s">
        <v>593</v>
      </c>
      <c r="D11" s="1" t="s">
        <v>27</v>
      </c>
      <c r="E11" s="1" t="s">
        <v>417</v>
      </c>
      <c r="F11" s="1" t="s">
        <v>167</v>
      </c>
      <c r="G11" s="1" t="s">
        <v>209</v>
      </c>
      <c r="H11" s="1" t="s">
        <v>170</v>
      </c>
      <c r="I11" s="1" t="s">
        <v>438</v>
      </c>
      <c r="J11" s="1" t="s">
        <v>420</v>
      </c>
      <c r="K11" s="1" t="s">
        <v>421</v>
      </c>
      <c r="N11" s="1" t="s">
        <v>422</v>
      </c>
      <c r="P11" s="1" t="s">
        <v>302</v>
      </c>
      <c r="Q11" s="1" t="s">
        <v>122</v>
      </c>
      <c r="R11" s="1" t="s">
        <v>51</v>
      </c>
      <c r="S11" s="1" t="s">
        <v>193</v>
      </c>
      <c r="T11" s="1" t="s">
        <v>242</v>
      </c>
      <c r="U11" s="1">
        <v>6.4</v>
      </c>
      <c r="V11" s="1"/>
      <c r="W11" s="1"/>
      <c r="X11" s="1">
        <v>3.2</v>
      </c>
      <c r="Y11" s="1">
        <v>0.15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</v>
      </c>
      <c r="BP11" s="1">
        <v>30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9</v>
      </c>
      <c r="B12" s="2">
        <v>0.31944444444444448</v>
      </c>
      <c r="C12" s="1" t="s">
        <v>593</v>
      </c>
      <c r="D12" s="1" t="s">
        <v>45</v>
      </c>
      <c r="E12" s="1" t="s">
        <v>417</v>
      </c>
      <c r="F12" s="1" t="s">
        <v>440</v>
      </c>
      <c r="G12" s="1" t="s">
        <v>336</v>
      </c>
      <c r="H12" s="1" t="s">
        <v>371</v>
      </c>
      <c r="I12" s="1" t="s">
        <v>441</v>
      </c>
      <c r="J12" s="1" t="s">
        <v>420</v>
      </c>
      <c r="K12" s="1" t="s">
        <v>421</v>
      </c>
      <c r="L12" s="1" t="s">
        <v>442</v>
      </c>
      <c r="N12" s="1" t="s">
        <v>422</v>
      </c>
      <c r="O12" s="1" t="s">
        <v>423</v>
      </c>
      <c r="P12" s="1" t="s">
        <v>302</v>
      </c>
      <c r="Q12" s="1" t="s">
        <v>86</v>
      </c>
      <c r="R12" s="1" t="s">
        <v>424</v>
      </c>
      <c r="S12" s="1" t="s">
        <v>443</v>
      </c>
      <c r="T12" s="1" t="s">
        <v>242</v>
      </c>
      <c r="U12" s="1">
        <v>9.6999999999999993</v>
      </c>
      <c r="V12" s="3">
        <v>11000</v>
      </c>
      <c r="W12" s="1" t="s">
        <v>611</v>
      </c>
      <c r="X12" s="1">
        <v>2.4</v>
      </c>
      <c r="Y12" s="1">
        <v>8.4000000000000005E-2</v>
      </c>
      <c r="Z12" s="1">
        <v>8.9999999999999993E-3</v>
      </c>
      <c r="AA12" s="1" t="s">
        <v>644</v>
      </c>
      <c r="AB12" s="1" t="s">
        <v>655</v>
      </c>
      <c r="AC12" s="1" t="s">
        <v>606</v>
      </c>
      <c r="AD12" s="1" t="s">
        <v>607</v>
      </c>
      <c r="AE12" s="1" t="s">
        <v>609</v>
      </c>
      <c r="AF12" s="1" t="s">
        <v>612</v>
      </c>
      <c r="AG12" s="1" t="s">
        <v>609</v>
      </c>
      <c r="AH12" s="1" t="s">
        <v>613</v>
      </c>
      <c r="AI12" s="1"/>
      <c r="AJ12" s="1" t="s">
        <v>613</v>
      </c>
      <c r="AK12" s="1" t="s">
        <v>614</v>
      </c>
      <c r="AL12" s="1" t="s">
        <v>614</v>
      </c>
      <c r="AM12" s="1" t="s">
        <v>614</v>
      </c>
      <c r="AN12" s="1" t="s">
        <v>614</v>
      </c>
      <c r="AO12" s="1" t="s">
        <v>614</v>
      </c>
      <c r="AP12" t="s">
        <v>614</v>
      </c>
      <c r="AQ12" s="1" t="s">
        <v>614</v>
      </c>
      <c r="AR12" s="1" t="s">
        <v>614</v>
      </c>
      <c r="AS12" s="1" t="s">
        <v>614</v>
      </c>
      <c r="AT12" s="1" t="s">
        <v>610</v>
      </c>
      <c r="AU12" s="1"/>
      <c r="AV12" s="1"/>
      <c r="AW12" s="1"/>
      <c r="AX12" s="1" t="s">
        <v>614</v>
      </c>
      <c r="AY12" s="1" t="s">
        <v>620</v>
      </c>
      <c r="AZ12" s="1">
        <v>0.08</v>
      </c>
      <c r="BA12" s="1">
        <v>0.02</v>
      </c>
      <c r="BB12" s="1" t="s">
        <v>607</v>
      </c>
      <c r="BC12" s="1">
        <v>2.1</v>
      </c>
      <c r="BD12" s="1">
        <v>2.1</v>
      </c>
      <c r="BE12" s="1" t="s">
        <v>609</v>
      </c>
      <c r="BF12" s="1" t="s">
        <v>609</v>
      </c>
      <c r="BG12" s="1" t="s">
        <v>619</v>
      </c>
      <c r="BH12" s="1" t="s">
        <v>612</v>
      </c>
      <c r="BI12" s="1" t="s">
        <v>607</v>
      </c>
      <c r="BJ12" s="1" t="s">
        <v>612</v>
      </c>
      <c r="BK12" s="1" t="s">
        <v>613</v>
      </c>
      <c r="BL12" s="1" t="s">
        <v>626</v>
      </c>
      <c r="BM12" s="1">
        <v>0.04</v>
      </c>
      <c r="BN12" s="1">
        <v>6.2E-2</v>
      </c>
      <c r="BO12" s="1">
        <v>24</v>
      </c>
      <c r="BP12" s="1">
        <v>18</v>
      </c>
      <c r="BQ12" s="1"/>
      <c r="BR12" s="1" t="s">
        <v>627</v>
      </c>
      <c r="BS12" s="1">
        <v>5.0000000000000001E-3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1944444444444453</v>
      </c>
      <c r="C13" s="1" t="s">
        <v>593</v>
      </c>
      <c r="D13" s="1" t="s">
        <v>27</v>
      </c>
      <c r="E13" s="1" t="s">
        <v>417</v>
      </c>
      <c r="F13" s="1" t="s">
        <v>444</v>
      </c>
      <c r="G13" s="1" t="s">
        <v>445</v>
      </c>
      <c r="H13" s="1" t="s">
        <v>446</v>
      </c>
      <c r="I13" s="1" t="s">
        <v>447</v>
      </c>
      <c r="J13" s="1" t="s">
        <v>420</v>
      </c>
      <c r="K13" s="1" t="s">
        <v>421</v>
      </c>
      <c r="N13" s="1" t="s">
        <v>422</v>
      </c>
      <c r="P13" s="1" t="s">
        <v>302</v>
      </c>
      <c r="Q13" s="1" t="s">
        <v>35</v>
      </c>
      <c r="R13" s="1" t="s">
        <v>123</v>
      </c>
      <c r="S13" s="1" t="s">
        <v>101</v>
      </c>
      <c r="T13" s="1" t="s">
        <v>242</v>
      </c>
      <c r="U13" s="1">
        <v>6.4</v>
      </c>
      <c r="V13" s="1"/>
      <c r="W13" s="1"/>
      <c r="X13" s="1">
        <v>2.4</v>
      </c>
      <c r="Y13" s="1">
        <v>0.1</v>
      </c>
      <c r="Z13" s="1"/>
      <c r="AA13" s="1" t="s">
        <v>646</v>
      </c>
      <c r="AB13" s="1" t="s">
        <v>64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4</v>
      </c>
      <c r="BP13" s="1">
        <v>16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32291666666666669</v>
      </c>
      <c r="C14" s="1" t="s">
        <v>593</v>
      </c>
      <c r="D14" s="1" t="s">
        <v>27</v>
      </c>
      <c r="E14" s="1" t="s">
        <v>599</v>
      </c>
      <c r="F14" s="1" t="s">
        <v>54</v>
      </c>
      <c r="G14" s="1" t="s">
        <v>448</v>
      </c>
      <c r="H14" s="1" t="s">
        <v>85</v>
      </c>
      <c r="I14" s="1" t="s">
        <v>449</v>
      </c>
      <c r="J14" s="1" t="s">
        <v>420</v>
      </c>
      <c r="K14" s="1" t="s">
        <v>421</v>
      </c>
      <c r="L14" s="1" t="s">
        <v>33</v>
      </c>
      <c r="N14" s="1" t="s">
        <v>422</v>
      </c>
      <c r="O14" s="1" t="s">
        <v>423</v>
      </c>
      <c r="P14" s="1" t="s">
        <v>435</v>
      </c>
      <c r="Q14" s="1" t="s">
        <v>122</v>
      </c>
      <c r="R14" s="1" t="s">
        <v>180</v>
      </c>
      <c r="S14" s="1" t="s">
        <v>52</v>
      </c>
      <c r="T14" s="1" t="s">
        <v>288</v>
      </c>
      <c r="U14" s="1">
        <v>8.1</v>
      </c>
      <c r="V14" s="3">
        <v>11000</v>
      </c>
      <c r="W14" s="1"/>
      <c r="X14" s="1">
        <v>2.8</v>
      </c>
      <c r="Y14" s="1">
        <v>0.11</v>
      </c>
      <c r="Z14" s="1">
        <v>8.9999999999999993E-3</v>
      </c>
      <c r="AA14" s="1" t="s">
        <v>644</v>
      </c>
      <c r="AB14" s="1" t="s">
        <v>651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 t="s">
        <v>607</v>
      </c>
      <c r="BC14" s="1">
        <v>2.7</v>
      </c>
      <c r="BD14" s="1">
        <v>2.7</v>
      </c>
      <c r="BE14" s="1"/>
      <c r="BF14" s="1"/>
      <c r="BG14" s="1"/>
      <c r="BH14" s="1"/>
      <c r="BI14" s="1"/>
      <c r="BJ14" s="1"/>
      <c r="BK14" s="1"/>
      <c r="BL14" s="1"/>
      <c r="BM14" s="1" t="s">
        <v>625</v>
      </c>
      <c r="BN14" s="1">
        <v>8.7999999999999995E-2</v>
      </c>
      <c r="BO14" s="1">
        <v>28</v>
      </c>
      <c r="BP14" s="1">
        <v>21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450</v>
      </c>
      <c r="B15" s="2">
        <v>0.32291666666666669</v>
      </c>
      <c r="C15" s="1" t="s">
        <v>593</v>
      </c>
      <c r="D15" s="1" t="s">
        <v>45</v>
      </c>
      <c r="E15" s="1" t="s">
        <v>417</v>
      </c>
      <c r="F15" s="1" t="s">
        <v>451</v>
      </c>
      <c r="G15" s="1" t="s">
        <v>370</v>
      </c>
      <c r="H15" s="1" t="s">
        <v>452</v>
      </c>
      <c r="I15" s="1" t="s">
        <v>453</v>
      </c>
      <c r="J15" s="1" t="s">
        <v>420</v>
      </c>
      <c r="K15" s="1" t="s">
        <v>421</v>
      </c>
      <c r="L15" s="1" t="s">
        <v>33</v>
      </c>
      <c r="N15" s="1" t="s">
        <v>422</v>
      </c>
      <c r="O15" s="1" t="s">
        <v>423</v>
      </c>
      <c r="P15" s="1" t="s">
        <v>302</v>
      </c>
      <c r="Q15" s="1" t="s">
        <v>42</v>
      </c>
      <c r="R15" s="1" t="s">
        <v>36</v>
      </c>
      <c r="S15" s="1" t="s">
        <v>198</v>
      </c>
      <c r="T15" s="1" t="s">
        <v>158</v>
      </c>
      <c r="U15" s="1">
        <v>8.4</v>
      </c>
      <c r="V15" s="3">
        <v>240000</v>
      </c>
      <c r="W15" s="1"/>
      <c r="X15" s="1">
        <v>2.6</v>
      </c>
      <c r="Y15" s="1">
        <v>8.3000000000000004E-2</v>
      </c>
      <c r="Z15" s="1">
        <v>6.0000000000000001E-3</v>
      </c>
      <c r="AA15" s="1" t="s">
        <v>644</v>
      </c>
      <c r="AB15" s="1" t="s">
        <v>656</v>
      </c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613</v>
      </c>
      <c r="AV15" s="1" t="s">
        <v>606</v>
      </c>
      <c r="AW15" s="1" t="s">
        <v>606</v>
      </c>
      <c r="AX15" s="1"/>
      <c r="AY15" s="1"/>
      <c r="AZ15" s="1"/>
      <c r="BA15" s="1"/>
      <c r="BB15" s="1">
        <v>0.01</v>
      </c>
      <c r="BC15" s="1">
        <v>2.5</v>
      </c>
      <c r="BD15" s="1">
        <v>2.5</v>
      </c>
      <c r="BE15" s="1"/>
      <c r="BF15" s="1"/>
      <c r="BG15" s="1"/>
      <c r="BH15" s="1"/>
      <c r="BI15" s="1"/>
      <c r="BJ15" s="1"/>
      <c r="BK15" s="1"/>
      <c r="BL15" s="1"/>
      <c r="BM15" s="1" t="s">
        <v>625</v>
      </c>
      <c r="BN15" s="1">
        <v>5.7000000000000002E-2</v>
      </c>
      <c r="BO15" s="1">
        <v>26</v>
      </c>
      <c r="BP15" s="1">
        <v>15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B16" s="2">
        <v>0.82291666666666663</v>
      </c>
      <c r="C16" s="1" t="s">
        <v>593</v>
      </c>
      <c r="D16" s="1" t="s">
        <v>27</v>
      </c>
      <c r="E16" s="1" t="s">
        <v>417</v>
      </c>
      <c r="F16" s="1" t="s">
        <v>78</v>
      </c>
      <c r="G16" s="1" t="s">
        <v>454</v>
      </c>
      <c r="H16" s="1" t="s">
        <v>452</v>
      </c>
      <c r="I16" s="1" t="s">
        <v>453</v>
      </c>
      <c r="J16" s="1" t="s">
        <v>420</v>
      </c>
      <c r="K16" s="1" t="s">
        <v>421</v>
      </c>
      <c r="N16" s="1" t="s">
        <v>422</v>
      </c>
      <c r="P16" s="1" t="s">
        <v>302</v>
      </c>
      <c r="Q16" s="1" t="s">
        <v>35</v>
      </c>
      <c r="R16" s="1" t="s">
        <v>123</v>
      </c>
      <c r="S16" s="1" t="s">
        <v>198</v>
      </c>
      <c r="T16" s="1" t="s">
        <v>158</v>
      </c>
      <c r="U16" s="1">
        <v>6.9</v>
      </c>
      <c r="V16" s="1"/>
      <c r="W16" s="1"/>
      <c r="X16" s="1">
        <v>2.5</v>
      </c>
      <c r="Y16" s="1">
        <v>7.4999999999999997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>
        <v>25</v>
      </c>
      <c r="BP16" s="1">
        <v>14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A17" s="1" t="s">
        <v>117</v>
      </c>
      <c r="B17" s="2">
        <v>0.31944444444444448</v>
      </c>
      <c r="C17" s="1" t="s">
        <v>593</v>
      </c>
      <c r="D17" s="1" t="s">
        <v>27</v>
      </c>
      <c r="E17" s="1" t="s">
        <v>599</v>
      </c>
      <c r="F17" s="1" t="s">
        <v>354</v>
      </c>
      <c r="G17" s="1" t="s">
        <v>455</v>
      </c>
      <c r="H17" s="1" t="s">
        <v>434</v>
      </c>
      <c r="I17" s="1" t="s">
        <v>456</v>
      </c>
      <c r="J17" s="1" t="s">
        <v>420</v>
      </c>
      <c r="K17" s="1" t="s">
        <v>421</v>
      </c>
      <c r="L17" s="1" t="s">
        <v>33</v>
      </c>
      <c r="N17" s="1" t="s">
        <v>422</v>
      </c>
      <c r="O17" s="1" t="s">
        <v>423</v>
      </c>
      <c r="P17" s="1" t="s">
        <v>435</v>
      </c>
      <c r="Q17" s="1" t="s">
        <v>122</v>
      </c>
      <c r="R17" s="1" t="s">
        <v>62</v>
      </c>
      <c r="S17" s="1" t="s">
        <v>304</v>
      </c>
      <c r="T17" s="1" t="s">
        <v>166</v>
      </c>
      <c r="U17" s="1">
        <v>8.6999999999999993</v>
      </c>
      <c r="V17" s="3">
        <v>11000</v>
      </c>
      <c r="W17" s="1"/>
      <c r="X17" s="1">
        <v>3.3</v>
      </c>
      <c r="Y17" s="1">
        <v>0.13</v>
      </c>
      <c r="Z17" s="1">
        <v>7.0000000000000001E-3</v>
      </c>
      <c r="AA17" s="1" t="s">
        <v>644</v>
      </c>
      <c r="AB17" s="1" t="s">
        <v>657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3.1</v>
      </c>
      <c r="BD17" s="1">
        <v>3.1</v>
      </c>
      <c r="BE17" s="1"/>
      <c r="BF17" s="1"/>
      <c r="BG17" s="1"/>
      <c r="BH17" s="1"/>
      <c r="BI17" s="1"/>
      <c r="BJ17" s="1"/>
      <c r="BK17" s="1"/>
      <c r="BL17" s="1"/>
      <c r="BM17" s="1" t="s">
        <v>625</v>
      </c>
      <c r="BN17" s="1">
        <v>0.12</v>
      </c>
      <c r="BO17" s="1">
        <v>32</v>
      </c>
      <c r="BP17" s="1">
        <v>27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1944444444444453</v>
      </c>
      <c r="C18" s="1" t="s">
        <v>593</v>
      </c>
      <c r="D18" s="1" t="s">
        <v>45</v>
      </c>
      <c r="E18" s="1" t="s">
        <v>599</v>
      </c>
      <c r="F18" s="1" t="s">
        <v>118</v>
      </c>
      <c r="G18" s="1" t="s">
        <v>457</v>
      </c>
      <c r="H18" s="1" t="s">
        <v>434</v>
      </c>
      <c r="I18" s="1" t="s">
        <v>456</v>
      </c>
      <c r="J18" s="1" t="s">
        <v>420</v>
      </c>
      <c r="K18" s="1" t="s">
        <v>421</v>
      </c>
      <c r="N18" s="1" t="s">
        <v>422</v>
      </c>
      <c r="P18" s="1" t="s">
        <v>302</v>
      </c>
      <c r="Q18" s="1" t="s">
        <v>42</v>
      </c>
      <c r="R18" s="1" t="s">
        <v>51</v>
      </c>
      <c r="S18" s="1" t="s">
        <v>113</v>
      </c>
      <c r="T18" s="1" t="s">
        <v>114</v>
      </c>
      <c r="U18" s="1">
        <v>7.9</v>
      </c>
      <c r="V18" s="1"/>
      <c r="W18" s="1"/>
      <c r="X18" s="1">
        <v>3.5</v>
      </c>
      <c r="Y18" s="1">
        <v>0.15</v>
      </c>
      <c r="Z18" s="1"/>
      <c r="AA18" s="1" t="s">
        <v>646</v>
      </c>
      <c r="AB18" s="1" t="s">
        <v>646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2</v>
      </c>
      <c r="BP18" s="1">
        <v>27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458</v>
      </c>
      <c r="B19" s="2">
        <v>0.32291666666666669</v>
      </c>
      <c r="C19" s="1" t="s">
        <v>593</v>
      </c>
      <c r="D19" s="1" t="s">
        <v>45</v>
      </c>
      <c r="E19" s="1" t="s">
        <v>417</v>
      </c>
      <c r="F19" s="1" t="s">
        <v>143</v>
      </c>
      <c r="G19" s="1" t="s">
        <v>144</v>
      </c>
      <c r="H19" s="1" t="s">
        <v>239</v>
      </c>
      <c r="I19" s="1" t="s">
        <v>459</v>
      </c>
      <c r="J19" s="1" t="s">
        <v>420</v>
      </c>
      <c r="K19" s="1" t="s">
        <v>421</v>
      </c>
      <c r="L19" s="1" t="s">
        <v>33</v>
      </c>
      <c r="N19" s="1" t="s">
        <v>422</v>
      </c>
      <c r="O19" s="1" t="s">
        <v>423</v>
      </c>
      <c r="P19" s="1" t="s">
        <v>435</v>
      </c>
      <c r="Q19" s="1" t="s">
        <v>35</v>
      </c>
      <c r="R19" s="1" t="s">
        <v>62</v>
      </c>
      <c r="S19" s="1" t="s">
        <v>113</v>
      </c>
      <c r="T19" s="1" t="s">
        <v>38</v>
      </c>
      <c r="U19" s="1">
        <v>10.1</v>
      </c>
      <c r="V19" s="3">
        <v>7900</v>
      </c>
      <c r="W19" s="1"/>
      <c r="X19" s="1">
        <v>3.5</v>
      </c>
      <c r="Y19" s="1">
        <v>0.15</v>
      </c>
      <c r="Z19" s="1">
        <v>7.0000000000000001E-3</v>
      </c>
      <c r="AA19" s="1" t="s">
        <v>644</v>
      </c>
      <c r="AB19" s="1" t="s">
        <v>658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1</v>
      </c>
      <c r="BC19" s="1">
        <v>3.3</v>
      </c>
      <c r="BD19" s="1">
        <v>3.3</v>
      </c>
      <c r="BE19" s="1"/>
      <c r="BF19" s="1"/>
      <c r="BG19" s="1"/>
      <c r="BH19" s="1"/>
      <c r="BI19" s="1"/>
      <c r="BJ19" s="1"/>
      <c r="BK19" s="1"/>
      <c r="BL19" s="1"/>
      <c r="BM19" s="1" t="s">
        <v>625</v>
      </c>
      <c r="BN19" s="1">
        <v>0.13</v>
      </c>
      <c r="BO19" s="1">
        <v>33</v>
      </c>
      <c r="BP19" s="1">
        <v>3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82291666666666663</v>
      </c>
      <c r="C20" s="1" t="s">
        <v>593</v>
      </c>
      <c r="D20" s="1" t="s">
        <v>45</v>
      </c>
      <c r="E20" s="1" t="s">
        <v>417</v>
      </c>
      <c r="F20" s="1" t="s">
        <v>138</v>
      </c>
      <c r="G20" s="1" t="s">
        <v>460</v>
      </c>
      <c r="H20" s="1" t="s">
        <v>112</v>
      </c>
      <c r="I20" s="1" t="s">
        <v>337</v>
      </c>
      <c r="J20" s="1" t="s">
        <v>420</v>
      </c>
      <c r="K20" s="1" t="s">
        <v>421</v>
      </c>
      <c r="N20" s="1" t="s">
        <v>422</v>
      </c>
      <c r="P20" s="1" t="s">
        <v>435</v>
      </c>
      <c r="Q20" s="1" t="s">
        <v>35</v>
      </c>
      <c r="R20" s="1" t="s">
        <v>281</v>
      </c>
      <c r="S20" s="1" t="s">
        <v>461</v>
      </c>
      <c r="T20" s="1" t="s">
        <v>38</v>
      </c>
      <c r="U20" s="1">
        <v>9.1</v>
      </c>
      <c r="V20" s="1"/>
      <c r="W20" s="1"/>
      <c r="X20" s="1">
        <v>4.0999999999999996</v>
      </c>
      <c r="Y20" s="1">
        <v>0.17</v>
      </c>
      <c r="Z20" s="1"/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34</v>
      </c>
      <c r="BP20" s="1">
        <v>31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136</v>
      </c>
      <c r="B21" s="2">
        <v>0.31597222222222221</v>
      </c>
      <c r="C21" s="1" t="s">
        <v>593</v>
      </c>
      <c r="D21" s="1" t="s">
        <v>429</v>
      </c>
      <c r="E21" s="1" t="s">
        <v>417</v>
      </c>
      <c r="F21" s="1" t="s">
        <v>172</v>
      </c>
      <c r="G21" s="1" t="s">
        <v>462</v>
      </c>
      <c r="H21" s="1" t="s">
        <v>135</v>
      </c>
      <c r="I21" s="1" t="s">
        <v>456</v>
      </c>
      <c r="J21" s="1" t="s">
        <v>420</v>
      </c>
      <c r="K21" s="1" t="s">
        <v>421</v>
      </c>
      <c r="L21" s="1" t="s">
        <v>33</v>
      </c>
      <c r="N21" s="1" t="s">
        <v>422</v>
      </c>
      <c r="O21" s="1" t="s">
        <v>423</v>
      </c>
      <c r="P21" s="1" t="s">
        <v>302</v>
      </c>
      <c r="Q21" s="1" t="s">
        <v>86</v>
      </c>
      <c r="R21" s="1" t="s">
        <v>281</v>
      </c>
      <c r="S21" s="1" t="s">
        <v>113</v>
      </c>
      <c r="T21" s="1" t="s">
        <v>114</v>
      </c>
      <c r="U21" s="1">
        <v>10.1</v>
      </c>
      <c r="V21" s="3">
        <v>4900</v>
      </c>
      <c r="W21" s="1"/>
      <c r="X21" s="1">
        <v>3.8</v>
      </c>
      <c r="Y21" s="1">
        <v>0.15</v>
      </c>
      <c r="Z21" s="1">
        <v>6.0000000000000001E-3</v>
      </c>
      <c r="AA21" s="1" t="s">
        <v>644</v>
      </c>
      <c r="AB21" s="1" t="s">
        <v>659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>
        <v>0.01</v>
      </c>
      <c r="BC21" s="1">
        <v>3.7</v>
      </c>
      <c r="BD21" s="1">
        <v>3.7</v>
      </c>
      <c r="BE21" s="1"/>
      <c r="BF21" s="1"/>
      <c r="BG21" s="1"/>
      <c r="BH21" s="1"/>
      <c r="BI21" s="1"/>
      <c r="BJ21" s="1"/>
      <c r="BK21" s="1"/>
      <c r="BL21" s="1"/>
      <c r="BM21" s="1" t="s">
        <v>625</v>
      </c>
      <c r="BN21" s="1">
        <v>0.12</v>
      </c>
      <c r="BO21" s="1">
        <v>32</v>
      </c>
      <c r="BP21" s="1">
        <v>26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1597222222222221</v>
      </c>
      <c r="C22" s="1" t="s">
        <v>593</v>
      </c>
      <c r="D22" s="1" t="s">
        <v>429</v>
      </c>
      <c r="E22" s="1" t="s">
        <v>417</v>
      </c>
      <c r="F22" s="1" t="s">
        <v>463</v>
      </c>
      <c r="G22" s="1" t="s">
        <v>403</v>
      </c>
      <c r="H22" s="1" t="s">
        <v>176</v>
      </c>
      <c r="I22" s="1" t="s">
        <v>464</v>
      </c>
      <c r="J22" s="1" t="s">
        <v>420</v>
      </c>
      <c r="K22" s="1" t="s">
        <v>421</v>
      </c>
      <c r="N22" s="1" t="s">
        <v>422</v>
      </c>
      <c r="P22" s="1" t="s">
        <v>302</v>
      </c>
      <c r="Q22" s="1" t="s">
        <v>35</v>
      </c>
      <c r="R22" s="1" t="s">
        <v>62</v>
      </c>
      <c r="S22" s="1" t="s">
        <v>461</v>
      </c>
      <c r="T22" s="1" t="s">
        <v>38</v>
      </c>
      <c r="U22" s="1">
        <v>9.6</v>
      </c>
      <c r="V22" s="1"/>
      <c r="W22" s="1"/>
      <c r="X22" s="1">
        <v>3.7</v>
      </c>
      <c r="Y22" s="1">
        <v>0.13</v>
      </c>
      <c r="Z22" s="1"/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1</v>
      </c>
      <c r="BP22" s="1">
        <v>24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465</v>
      </c>
      <c r="B23" s="2">
        <v>0.32291666666666669</v>
      </c>
      <c r="C23" s="1" t="s">
        <v>593</v>
      </c>
      <c r="D23" s="1" t="s">
        <v>27</v>
      </c>
      <c r="E23" s="1" t="s">
        <v>599</v>
      </c>
      <c r="F23" s="1" t="s">
        <v>172</v>
      </c>
      <c r="G23" s="1" t="s">
        <v>466</v>
      </c>
      <c r="H23" s="1" t="s">
        <v>467</v>
      </c>
      <c r="I23" s="1" t="s">
        <v>371</v>
      </c>
      <c r="J23" s="1" t="s">
        <v>420</v>
      </c>
      <c r="K23" s="1" t="s">
        <v>421</v>
      </c>
      <c r="L23" s="1" t="s">
        <v>33</v>
      </c>
      <c r="N23" s="1" t="s">
        <v>422</v>
      </c>
      <c r="O23" s="1" t="s">
        <v>423</v>
      </c>
      <c r="P23" s="1" t="s">
        <v>302</v>
      </c>
      <c r="Q23" s="1" t="s">
        <v>86</v>
      </c>
      <c r="R23" s="1" t="s">
        <v>180</v>
      </c>
      <c r="S23" s="1" t="s">
        <v>461</v>
      </c>
      <c r="T23" s="1" t="s">
        <v>114</v>
      </c>
      <c r="U23" s="1">
        <v>10</v>
      </c>
      <c r="V23" s="3">
        <v>23000</v>
      </c>
      <c r="W23" s="1" t="s">
        <v>611</v>
      </c>
      <c r="X23" s="1">
        <v>4</v>
      </c>
      <c r="Y23" s="1">
        <v>0.2</v>
      </c>
      <c r="Z23" s="1">
        <v>0.01</v>
      </c>
      <c r="AA23" s="1" t="s">
        <v>644</v>
      </c>
      <c r="AB23" s="1" t="s">
        <v>660</v>
      </c>
      <c r="AC23" s="1" t="s">
        <v>606</v>
      </c>
      <c r="AD23" s="1" t="s">
        <v>607</v>
      </c>
      <c r="AE23" s="1" t="s">
        <v>609</v>
      </c>
      <c r="AF23" s="1" t="s">
        <v>612</v>
      </c>
      <c r="AG23" s="1" t="s">
        <v>609</v>
      </c>
      <c r="AH23" s="1" t="s">
        <v>613</v>
      </c>
      <c r="AI23" s="1"/>
      <c r="AJ23" s="1" t="s">
        <v>613</v>
      </c>
      <c r="AK23" s="1" t="s">
        <v>614</v>
      </c>
      <c r="AL23" s="1" t="s">
        <v>614</v>
      </c>
      <c r="AM23" s="1" t="s">
        <v>614</v>
      </c>
      <c r="AN23" s="1" t="s">
        <v>614</v>
      </c>
      <c r="AO23" s="1" t="s">
        <v>614</v>
      </c>
      <c r="AP23" t="s">
        <v>614</v>
      </c>
      <c r="AQ23" s="1" t="s">
        <v>614</v>
      </c>
      <c r="AR23" s="1" t="s">
        <v>614</v>
      </c>
      <c r="AS23" s="1" t="s">
        <v>614</v>
      </c>
      <c r="AT23" s="1" t="s">
        <v>610</v>
      </c>
      <c r="AU23" s="1"/>
      <c r="AV23" s="1"/>
      <c r="AW23" s="1"/>
      <c r="AX23" s="1" t="s">
        <v>614</v>
      </c>
      <c r="AY23" s="1" t="s">
        <v>620</v>
      </c>
      <c r="AZ23" s="1" t="s">
        <v>621</v>
      </c>
      <c r="BA23" s="1">
        <v>0.04</v>
      </c>
      <c r="BB23" s="1">
        <v>0.01</v>
      </c>
      <c r="BC23" s="1">
        <v>3.8</v>
      </c>
      <c r="BD23" s="1">
        <v>3.8</v>
      </c>
      <c r="BE23" s="1" t="s">
        <v>609</v>
      </c>
      <c r="BF23" s="1" t="s">
        <v>609</v>
      </c>
      <c r="BG23" s="1" t="s">
        <v>619</v>
      </c>
      <c r="BH23" s="1">
        <v>0.02</v>
      </c>
      <c r="BI23" s="1" t="s">
        <v>607</v>
      </c>
      <c r="BJ23" s="1" t="s">
        <v>612</v>
      </c>
      <c r="BK23" s="1" t="s">
        <v>613</v>
      </c>
      <c r="BL23" s="1" t="s">
        <v>626</v>
      </c>
      <c r="BM23" s="1" t="s">
        <v>625</v>
      </c>
      <c r="BN23" s="1">
        <v>0.17</v>
      </c>
      <c r="BO23" s="1">
        <v>36</v>
      </c>
      <c r="BP23" s="1">
        <v>37</v>
      </c>
      <c r="BQ23" s="1"/>
      <c r="BR23" s="1" t="s">
        <v>627</v>
      </c>
      <c r="BS23" s="1" t="s">
        <v>609</v>
      </c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82291666666666663</v>
      </c>
      <c r="C24" s="1" t="s">
        <v>593</v>
      </c>
      <c r="D24" s="1" t="s">
        <v>27</v>
      </c>
      <c r="E24" s="1" t="s">
        <v>599</v>
      </c>
      <c r="F24" s="1" t="s">
        <v>94</v>
      </c>
      <c r="G24" s="1" t="s">
        <v>144</v>
      </c>
      <c r="H24" s="1" t="s">
        <v>159</v>
      </c>
      <c r="I24" s="1" t="s">
        <v>468</v>
      </c>
      <c r="J24" s="1" t="s">
        <v>420</v>
      </c>
      <c r="K24" s="1" t="s">
        <v>421</v>
      </c>
      <c r="N24" s="1" t="s">
        <v>422</v>
      </c>
      <c r="P24" s="1" t="s">
        <v>302</v>
      </c>
      <c r="Q24" s="1" t="s">
        <v>35</v>
      </c>
      <c r="R24" s="1" t="s">
        <v>180</v>
      </c>
      <c r="S24" s="1" t="s">
        <v>233</v>
      </c>
      <c r="T24" s="1" t="s">
        <v>114</v>
      </c>
      <c r="U24" s="1">
        <v>9.3000000000000007</v>
      </c>
      <c r="V24" s="1"/>
      <c r="W24" s="1"/>
      <c r="X24" s="1">
        <v>4.0999999999999996</v>
      </c>
      <c r="Y24" s="1">
        <v>0.22</v>
      </c>
      <c r="Z24" s="1"/>
      <c r="AA24" s="1" t="s">
        <v>646</v>
      </c>
      <c r="AB24" s="1" t="s">
        <v>646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36</v>
      </c>
      <c r="BP24" s="1">
        <v>38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53</v>
      </c>
      <c r="B25" s="2">
        <v>0.31944444444444448</v>
      </c>
      <c r="C25" s="1" t="s">
        <v>593</v>
      </c>
      <c r="D25" s="1" t="s">
        <v>27</v>
      </c>
      <c r="E25" s="1" t="s">
        <v>599</v>
      </c>
      <c r="F25" s="1" t="s">
        <v>469</v>
      </c>
      <c r="G25" s="1" t="s">
        <v>354</v>
      </c>
      <c r="H25" s="1" t="s">
        <v>467</v>
      </c>
      <c r="I25" s="1" t="s">
        <v>206</v>
      </c>
      <c r="J25" s="1" t="s">
        <v>420</v>
      </c>
      <c r="K25" s="1" t="s">
        <v>421</v>
      </c>
      <c r="L25" s="1" t="s">
        <v>33</v>
      </c>
      <c r="N25" s="1" t="s">
        <v>422</v>
      </c>
      <c r="O25" s="1" t="s">
        <v>423</v>
      </c>
      <c r="P25" s="1" t="s">
        <v>435</v>
      </c>
      <c r="Q25" s="1" t="s">
        <v>35</v>
      </c>
      <c r="R25" s="1" t="s">
        <v>55</v>
      </c>
      <c r="S25" s="1" t="s">
        <v>236</v>
      </c>
      <c r="T25" s="1" t="s">
        <v>158</v>
      </c>
      <c r="U25" s="1">
        <v>9.3000000000000007</v>
      </c>
      <c r="V25" s="3">
        <v>4900</v>
      </c>
      <c r="W25" s="1"/>
      <c r="X25" s="1">
        <v>3.3</v>
      </c>
      <c r="Y25" s="1">
        <v>0.16</v>
      </c>
      <c r="Z25" s="1">
        <v>8.0000000000000002E-3</v>
      </c>
      <c r="AA25" s="1" t="s">
        <v>644</v>
      </c>
      <c r="AB25" s="1" t="s">
        <v>661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2</v>
      </c>
      <c r="BC25" s="1">
        <v>3.1</v>
      </c>
      <c r="BD25" s="1">
        <v>3.1</v>
      </c>
      <c r="BE25" s="1"/>
      <c r="BF25" s="1"/>
      <c r="BG25" s="1"/>
      <c r="BH25" s="1"/>
      <c r="BI25" s="1"/>
      <c r="BJ25" s="1"/>
      <c r="BK25" s="1"/>
      <c r="BL25" s="1"/>
      <c r="BM25" s="1" t="s">
        <v>625</v>
      </c>
      <c r="BN25" s="1">
        <v>0.13</v>
      </c>
      <c r="BO25" s="1">
        <v>30</v>
      </c>
      <c r="BP25" s="1">
        <v>26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1944444444444453</v>
      </c>
      <c r="C26" s="1" t="s">
        <v>593</v>
      </c>
      <c r="D26" s="1" t="s">
        <v>27</v>
      </c>
      <c r="E26" s="1" t="s">
        <v>599</v>
      </c>
      <c r="F26" s="1" t="s">
        <v>470</v>
      </c>
      <c r="G26" s="1" t="s">
        <v>471</v>
      </c>
      <c r="H26" s="1" t="s">
        <v>472</v>
      </c>
      <c r="I26" s="1" t="s">
        <v>135</v>
      </c>
      <c r="J26" s="1" t="s">
        <v>420</v>
      </c>
      <c r="K26" s="1" t="s">
        <v>421</v>
      </c>
      <c r="N26" s="1" t="s">
        <v>422</v>
      </c>
      <c r="P26" s="1" t="s">
        <v>302</v>
      </c>
      <c r="Q26" s="1" t="s">
        <v>35</v>
      </c>
      <c r="R26" s="1" t="s">
        <v>92</v>
      </c>
      <c r="S26" s="1" t="s">
        <v>372</v>
      </c>
      <c r="T26" s="1" t="s">
        <v>69</v>
      </c>
      <c r="U26" s="1">
        <v>8.3000000000000007</v>
      </c>
      <c r="V26" s="1"/>
      <c r="W26" s="1"/>
      <c r="X26" s="1">
        <v>3.5</v>
      </c>
      <c r="Y26" s="1">
        <v>0.19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31</v>
      </c>
      <c r="BP26" s="1">
        <v>27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</sheetData>
  <phoneticPr fontId="18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68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00</v>
      </c>
      <c r="C1" s="1" t="s">
        <v>1</v>
      </c>
      <c r="D1" s="1" t="s">
        <v>636</v>
      </c>
      <c r="E1" s="1" t="s">
        <v>2</v>
      </c>
      <c r="F1" s="1" t="s">
        <v>584</v>
      </c>
      <c r="G1" s="1" t="s">
        <v>3</v>
      </c>
      <c r="H1" s="1" t="s">
        <v>59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3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4375</v>
      </c>
      <c r="C4" s="1" t="s">
        <v>593</v>
      </c>
      <c r="D4" s="1" t="s">
        <v>27</v>
      </c>
      <c r="E4" s="1" t="s">
        <v>417</v>
      </c>
      <c r="F4" s="1" t="s">
        <v>293</v>
      </c>
      <c r="G4" s="1" t="s">
        <v>246</v>
      </c>
      <c r="H4" s="1" t="s">
        <v>473</v>
      </c>
      <c r="I4" s="1" t="s">
        <v>474</v>
      </c>
      <c r="J4" s="1" t="s">
        <v>420</v>
      </c>
      <c r="K4" s="1" t="s">
        <v>327</v>
      </c>
      <c r="L4" s="1" t="s">
        <v>33</v>
      </c>
      <c r="N4" s="1" t="s">
        <v>422</v>
      </c>
      <c r="O4" s="1" t="s">
        <v>475</v>
      </c>
      <c r="P4" s="1" t="s">
        <v>435</v>
      </c>
      <c r="Q4" s="1" t="s">
        <v>476</v>
      </c>
      <c r="R4" s="1" t="s">
        <v>160</v>
      </c>
      <c r="S4" s="1" t="s">
        <v>197</v>
      </c>
      <c r="T4" s="1" t="s">
        <v>43</v>
      </c>
      <c r="U4" s="1">
        <v>12.9</v>
      </c>
      <c r="V4" s="3">
        <v>3300</v>
      </c>
      <c r="W4" s="1"/>
      <c r="X4" s="1">
        <v>3.7</v>
      </c>
      <c r="Y4" s="1">
        <v>0.24</v>
      </c>
      <c r="Z4" s="1">
        <v>8.0000000000000002E-3</v>
      </c>
      <c r="AA4" s="1" t="s">
        <v>644</v>
      </c>
      <c r="AB4" s="1" t="s">
        <v>662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3.2</v>
      </c>
      <c r="BD4" s="1">
        <v>3.2</v>
      </c>
      <c r="BE4" s="1"/>
      <c r="BF4" s="1"/>
      <c r="BG4" s="1"/>
      <c r="BH4" s="1"/>
      <c r="BI4" s="1"/>
      <c r="BJ4" s="1"/>
      <c r="BK4" s="1"/>
      <c r="BL4" s="1"/>
      <c r="BM4" s="1">
        <v>0.06</v>
      </c>
      <c r="BN4" s="1">
        <v>0.19</v>
      </c>
      <c r="BO4" s="1">
        <v>32</v>
      </c>
      <c r="BP4" s="1">
        <v>31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4375</v>
      </c>
      <c r="C5" s="1" t="s">
        <v>593</v>
      </c>
      <c r="D5" s="1" t="s">
        <v>27</v>
      </c>
      <c r="E5" s="1" t="s">
        <v>417</v>
      </c>
      <c r="F5" s="1" t="s">
        <v>477</v>
      </c>
      <c r="G5" s="1" t="s">
        <v>115</v>
      </c>
      <c r="H5" s="1" t="s">
        <v>473</v>
      </c>
      <c r="I5" s="1" t="s">
        <v>273</v>
      </c>
      <c r="J5" s="1" t="s">
        <v>420</v>
      </c>
      <c r="K5" s="1" t="s">
        <v>327</v>
      </c>
      <c r="N5" s="1" t="s">
        <v>422</v>
      </c>
      <c r="P5" s="1" t="s">
        <v>302</v>
      </c>
      <c r="Q5" s="1" t="s">
        <v>309</v>
      </c>
      <c r="R5" s="1" t="s">
        <v>198</v>
      </c>
      <c r="S5" s="1" t="s">
        <v>143</v>
      </c>
      <c r="T5" s="1" t="s">
        <v>38</v>
      </c>
      <c r="U5" s="1">
        <v>14.3</v>
      </c>
      <c r="V5" s="1"/>
      <c r="W5" s="1"/>
      <c r="X5" s="1">
        <v>3.8</v>
      </c>
      <c r="Y5" s="1">
        <v>0.26</v>
      </c>
      <c r="Z5" s="1"/>
      <c r="AA5" s="1" t="s">
        <v>646</v>
      </c>
      <c r="AB5" s="1" t="s">
        <v>64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32</v>
      </c>
      <c r="BP5" s="1">
        <v>29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34375</v>
      </c>
      <c r="C6" s="1" t="s">
        <v>593</v>
      </c>
      <c r="D6" s="1" t="s">
        <v>429</v>
      </c>
      <c r="E6" s="1" t="s">
        <v>417</v>
      </c>
      <c r="F6" s="1" t="s">
        <v>478</v>
      </c>
      <c r="G6" s="1" t="s">
        <v>479</v>
      </c>
      <c r="H6" s="1" t="s">
        <v>480</v>
      </c>
      <c r="I6" s="1" t="s">
        <v>481</v>
      </c>
      <c r="J6" s="1" t="s">
        <v>420</v>
      </c>
      <c r="K6" s="1" t="s">
        <v>327</v>
      </c>
      <c r="L6" s="1" t="s">
        <v>33</v>
      </c>
      <c r="N6" s="1" t="s">
        <v>422</v>
      </c>
      <c r="O6" s="1" t="s">
        <v>482</v>
      </c>
      <c r="P6" s="1" t="s">
        <v>302</v>
      </c>
      <c r="Q6" s="1" t="s">
        <v>86</v>
      </c>
      <c r="R6" s="1" t="s">
        <v>51</v>
      </c>
      <c r="S6" s="1" t="s">
        <v>207</v>
      </c>
      <c r="T6" s="1" t="s">
        <v>43</v>
      </c>
      <c r="U6" s="1">
        <v>7.6</v>
      </c>
      <c r="V6" s="3">
        <v>14000</v>
      </c>
      <c r="W6" s="1"/>
      <c r="X6" s="1">
        <v>3.2</v>
      </c>
      <c r="Y6" s="1">
        <v>0.21</v>
      </c>
      <c r="Z6" s="1">
        <v>0.01</v>
      </c>
      <c r="AA6" s="1" t="s">
        <v>644</v>
      </c>
      <c r="AB6" s="1" t="s">
        <v>663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2.9</v>
      </c>
      <c r="BD6" s="1">
        <v>2.9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0.2</v>
      </c>
      <c r="BO6" s="1">
        <v>26</v>
      </c>
      <c r="BP6" s="1">
        <v>2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4375</v>
      </c>
      <c r="C7" s="1" t="s">
        <v>593</v>
      </c>
      <c r="D7" s="1" t="s">
        <v>27</v>
      </c>
      <c r="E7" s="1" t="s">
        <v>417</v>
      </c>
      <c r="F7" s="1" t="s">
        <v>381</v>
      </c>
      <c r="G7" s="1" t="s">
        <v>445</v>
      </c>
      <c r="H7" s="1" t="s">
        <v>480</v>
      </c>
      <c r="I7" s="1" t="s">
        <v>468</v>
      </c>
      <c r="J7" s="1" t="s">
        <v>420</v>
      </c>
      <c r="K7" s="1" t="s">
        <v>327</v>
      </c>
      <c r="N7" s="1" t="s">
        <v>422</v>
      </c>
      <c r="P7" s="1" t="s">
        <v>302</v>
      </c>
      <c r="Q7" s="1" t="s">
        <v>199</v>
      </c>
      <c r="R7" s="1" t="s">
        <v>92</v>
      </c>
      <c r="S7" s="1" t="s">
        <v>193</v>
      </c>
      <c r="T7" s="1" t="s">
        <v>43</v>
      </c>
      <c r="U7" s="1">
        <v>11.5</v>
      </c>
      <c r="V7" s="1"/>
      <c r="W7" s="1"/>
      <c r="X7" s="1">
        <v>3.4</v>
      </c>
      <c r="Y7" s="1">
        <v>0.26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7</v>
      </c>
      <c r="BP7" s="1">
        <v>22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32</v>
      </c>
      <c r="B8" s="2">
        <v>0.34722222222222227</v>
      </c>
      <c r="C8" s="1" t="s">
        <v>593</v>
      </c>
      <c r="D8" s="1" t="s">
        <v>27</v>
      </c>
      <c r="E8" s="1" t="s">
        <v>417</v>
      </c>
      <c r="F8" s="1" t="s">
        <v>54</v>
      </c>
      <c r="G8" s="1" t="s">
        <v>483</v>
      </c>
      <c r="H8" s="1" t="s">
        <v>473</v>
      </c>
      <c r="I8" s="1" t="s">
        <v>131</v>
      </c>
      <c r="J8" s="1" t="s">
        <v>420</v>
      </c>
      <c r="K8" s="1" t="s">
        <v>327</v>
      </c>
      <c r="L8" s="1" t="s">
        <v>33</v>
      </c>
      <c r="N8" s="1" t="s">
        <v>422</v>
      </c>
      <c r="O8" s="1" t="s">
        <v>482</v>
      </c>
      <c r="P8" s="1" t="s">
        <v>484</v>
      </c>
      <c r="Q8" s="1" t="s">
        <v>86</v>
      </c>
      <c r="R8" s="1" t="s">
        <v>36</v>
      </c>
      <c r="S8" s="1" t="s">
        <v>101</v>
      </c>
      <c r="T8" s="1" t="s">
        <v>43</v>
      </c>
      <c r="U8" s="1">
        <v>6.8</v>
      </c>
      <c r="V8" s="3">
        <v>13000</v>
      </c>
      <c r="W8" s="1"/>
      <c r="X8" s="1">
        <v>3.3</v>
      </c>
      <c r="Y8" s="1">
        <v>0.28000000000000003</v>
      </c>
      <c r="Z8" s="1">
        <v>8.9999999999999993E-3</v>
      </c>
      <c r="AA8" s="1" t="s">
        <v>644</v>
      </c>
      <c r="AB8" s="1" t="s">
        <v>664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4</v>
      </c>
      <c r="BC8" s="1">
        <v>2.9</v>
      </c>
      <c r="BD8" s="1">
        <v>2.9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0.25</v>
      </c>
      <c r="BO8" s="1">
        <v>28</v>
      </c>
      <c r="BP8" s="1">
        <v>22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4722222222222221</v>
      </c>
      <c r="C9" s="1" t="s">
        <v>593</v>
      </c>
      <c r="D9" s="1" t="s">
        <v>27</v>
      </c>
      <c r="E9" s="1" t="s">
        <v>417</v>
      </c>
      <c r="F9" s="1" t="s">
        <v>448</v>
      </c>
      <c r="G9" s="1" t="s">
        <v>81</v>
      </c>
      <c r="H9" s="1" t="s">
        <v>473</v>
      </c>
      <c r="I9" s="1" t="s">
        <v>126</v>
      </c>
      <c r="J9" s="1" t="s">
        <v>420</v>
      </c>
      <c r="K9" s="1" t="s">
        <v>327</v>
      </c>
      <c r="N9" s="1" t="s">
        <v>422</v>
      </c>
      <c r="P9" s="1" t="s">
        <v>302</v>
      </c>
      <c r="Q9" s="1" t="s">
        <v>200</v>
      </c>
      <c r="R9" s="1" t="s">
        <v>180</v>
      </c>
      <c r="S9" s="1" t="s">
        <v>207</v>
      </c>
      <c r="T9" s="1" t="s">
        <v>43</v>
      </c>
      <c r="U9" s="1">
        <v>11.8</v>
      </c>
      <c r="V9" s="1"/>
      <c r="W9" s="1"/>
      <c r="X9" s="1">
        <v>3</v>
      </c>
      <c r="Y9" s="1">
        <v>0.3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28</v>
      </c>
      <c r="BP9" s="1">
        <v>21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34375</v>
      </c>
      <c r="C10" s="1" t="s">
        <v>593</v>
      </c>
      <c r="D10" s="1" t="s">
        <v>27</v>
      </c>
      <c r="E10" s="1" t="s">
        <v>417</v>
      </c>
      <c r="F10" s="1" t="s">
        <v>173</v>
      </c>
      <c r="G10" s="1" t="s">
        <v>485</v>
      </c>
      <c r="H10" s="1" t="s">
        <v>480</v>
      </c>
      <c r="I10" s="1" t="s">
        <v>121</v>
      </c>
      <c r="J10" s="1" t="s">
        <v>420</v>
      </c>
      <c r="K10" s="1" t="s">
        <v>327</v>
      </c>
      <c r="L10" s="1" t="s">
        <v>33</v>
      </c>
      <c r="N10" s="1" t="s">
        <v>422</v>
      </c>
      <c r="O10" s="1" t="s">
        <v>482</v>
      </c>
      <c r="P10" s="1" t="s">
        <v>302</v>
      </c>
      <c r="Q10" s="1" t="s">
        <v>486</v>
      </c>
      <c r="R10" s="1" t="s">
        <v>36</v>
      </c>
      <c r="S10" s="1" t="s">
        <v>37</v>
      </c>
      <c r="T10" s="1" t="s">
        <v>43</v>
      </c>
      <c r="U10" s="1">
        <v>10.5</v>
      </c>
      <c r="V10" s="3">
        <v>9400</v>
      </c>
      <c r="W10" s="1"/>
      <c r="X10" s="1">
        <v>3.2</v>
      </c>
      <c r="Y10" s="1">
        <v>0.19</v>
      </c>
      <c r="Z10" s="1">
        <v>7.0000000000000001E-3</v>
      </c>
      <c r="AA10" s="1" t="s">
        <v>644</v>
      </c>
      <c r="AB10" s="1" t="s">
        <v>659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13</v>
      </c>
      <c r="AV10" s="1" t="s">
        <v>606</v>
      </c>
      <c r="AW10" s="1" t="s">
        <v>606</v>
      </c>
      <c r="AX10" s="1"/>
      <c r="AY10" s="1"/>
      <c r="AZ10" s="1"/>
      <c r="BA10" s="1"/>
      <c r="BB10" s="1">
        <v>0.02</v>
      </c>
      <c r="BC10" s="1">
        <v>2.8</v>
      </c>
      <c r="BD10" s="1">
        <v>2.8</v>
      </c>
      <c r="BE10" s="1"/>
      <c r="BF10" s="1"/>
      <c r="BG10" s="1"/>
      <c r="BH10" s="1"/>
      <c r="BI10" s="1"/>
      <c r="BJ10" s="1"/>
      <c r="BK10" s="1"/>
      <c r="BL10" s="1"/>
      <c r="BM10" s="1">
        <v>0.06</v>
      </c>
      <c r="BN10" s="1">
        <v>0.16</v>
      </c>
      <c r="BO10" s="1">
        <v>32</v>
      </c>
      <c r="BP10" s="1">
        <v>30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4375</v>
      </c>
      <c r="C11" s="1" t="s">
        <v>593</v>
      </c>
      <c r="D11" s="1" t="s">
        <v>27</v>
      </c>
      <c r="E11" s="1" t="s">
        <v>417</v>
      </c>
      <c r="F11" s="1" t="s">
        <v>487</v>
      </c>
      <c r="G11" s="1" t="s">
        <v>488</v>
      </c>
      <c r="H11" s="1" t="s">
        <v>473</v>
      </c>
      <c r="I11" s="1" t="s">
        <v>467</v>
      </c>
      <c r="J11" s="1" t="s">
        <v>420</v>
      </c>
      <c r="K11" s="1" t="s">
        <v>327</v>
      </c>
      <c r="N11" s="1" t="s">
        <v>422</v>
      </c>
      <c r="P11" s="1" t="s">
        <v>435</v>
      </c>
      <c r="Q11" s="1" t="s">
        <v>489</v>
      </c>
      <c r="R11" s="1" t="s">
        <v>55</v>
      </c>
      <c r="S11" s="1" t="s">
        <v>197</v>
      </c>
      <c r="T11" s="1" t="s">
        <v>43</v>
      </c>
      <c r="U11" s="1">
        <v>12.9</v>
      </c>
      <c r="V11" s="1"/>
      <c r="W11" s="1"/>
      <c r="X11" s="1">
        <v>3</v>
      </c>
      <c r="Y11" s="1">
        <v>0.19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</v>
      </c>
      <c r="BP11" s="1">
        <v>31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9</v>
      </c>
      <c r="B12" s="2">
        <v>0.35416666666666669</v>
      </c>
      <c r="C12" s="1" t="s">
        <v>593</v>
      </c>
      <c r="D12" s="1" t="s">
        <v>45</v>
      </c>
      <c r="E12" s="1" t="s">
        <v>417</v>
      </c>
      <c r="F12" s="1" t="s">
        <v>490</v>
      </c>
      <c r="G12" s="1" t="s">
        <v>215</v>
      </c>
      <c r="H12" s="1" t="s">
        <v>480</v>
      </c>
      <c r="I12" s="1" t="s">
        <v>185</v>
      </c>
      <c r="J12" s="1" t="s">
        <v>420</v>
      </c>
      <c r="K12" s="1" t="s">
        <v>327</v>
      </c>
      <c r="L12" s="1" t="s">
        <v>442</v>
      </c>
      <c r="N12" s="1" t="s">
        <v>422</v>
      </c>
      <c r="O12" s="1" t="s">
        <v>482</v>
      </c>
      <c r="P12" s="1" t="s">
        <v>302</v>
      </c>
      <c r="Q12" s="1" t="s">
        <v>79</v>
      </c>
      <c r="R12" s="1" t="s">
        <v>123</v>
      </c>
      <c r="S12" s="1" t="s">
        <v>193</v>
      </c>
      <c r="T12" s="1" t="s">
        <v>38</v>
      </c>
      <c r="U12" s="1">
        <v>6.9</v>
      </c>
      <c r="V12" s="3">
        <v>17000</v>
      </c>
      <c r="W12" s="1" t="s">
        <v>611</v>
      </c>
      <c r="X12" s="1">
        <v>2</v>
      </c>
      <c r="Y12" s="1">
        <v>0.15</v>
      </c>
      <c r="Z12" s="1">
        <v>6.0000000000000001E-3</v>
      </c>
      <c r="AA12" s="1" t="s">
        <v>644</v>
      </c>
      <c r="AB12" s="1" t="s">
        <v>654</v>
      </c>
      <c r="AC12" s="1" t="s">
        <v>606</v>
      </c>
      <c r="AD12" s="1" t="s">
        <v>607</v>
      </c>
      <c r="AE12" s="1" t="s">
        <v>609</v>
      </c>
      <c r="AF12" s="1" t="s">
        <v>612</v>
      </c>
      <c r="AG12" s="1" t="s">
        <v>609</v>
      </c>
      <c r="AH12" s="1" t="s">
        <v>613</v>
      </c>
      <c r="AI12" s="1"/>
      <c r="AJ12" s="1" t="s">
        <v>613</v>
      </c>
      <c r="AK12" s="1" t="s">
        <v>614</v>
      </c>
      <c r="AL12" s="1" t="s">
        <v>614</v>
      </c>
      <c r="AM12" s="1" t="s">
        <v>614</v>
      </c>
      <c r="AN12" s="1" t="s">
        <v>614</v>
      </c>
      <c r="AO12" s="1" t="s">
        <v>614</v>
      </c>
      <c r="AP12" t="s">
        <v>614</v>
      </c>
      <c r="AQ12" s="1" t="s">
        <v>614</v>
      </c>
      <c r="AR12" s="1" t="s">
        <v>614</v>
      </c>
      <c r="AS12" s="1" t="s">
        <v>614</v>
      </c>
      <c r="AT12" s="1" t="s">
        <v>610</v>
      </c>
      <c r="AU12" s="1"/>
      <c r="AV12" s="1"/>
      <c r="AW12" s="1"/>
      <c r="AX12" s="1" t="s">
        <v>614</v>
      </c>
      <c r="AY12" s="1" t="s">
        <v>620</v>
      </c>
      <c r="AZ12" s="1" t="s">
        <v>621</v>
      </c>
      <c r="BA12" s="1">
        <v>0.02</v>
      </c>
      <c r="BB12" s="1">
        <v>0.01</v>
      </c>
      <c r="BC12" s="1">
        <v>1.8</v>
      </c>
      <c r="BD12" s="1">
        <v>1.8</v>
      </c>
      <c r="BE12" s="1" t="s">
        <v>609</v>
      </c>
      <c r="BF12" s="1" t="s">
        <v>609</v>
      </c>
      <c r="BG12" s="1" t="s">
        <v>619</v>
      </c>
      <c r="BH12" s="1">
        <v>0.05</v>
      </c>
      <c r="BI12" s="1" t="s">
        <v>607</v>
      </c>
      <c r="BJ12" s="1" t="s">
        <v>612</v>
      </c>
      <c r="BK12" s="1" t="s">
        <v>613</v>
      </c>
      <c r="BL12" s="1" t="s">
        <v>626</v>
      </c>
      <c r="BM12" s="1" t="s">
        <v>625</v>
      </c>
      <c r="BN12" s="1">
        <v>0.13</v>
      </c>
      <c r="BO12" s="1">
        <v>21</v>
      </c>
      <c r="BP12" s="1">
        <v>15</v>
      </c>
      <c r="BQ12" s="1"/>
      <c r="BR12" s="1" t="s">
        <v>627</v>
      </c>
      <c r="BS12" s="1">
        <v>0.01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5416666666666663</v>
      </c>
      <c r="C13" s="1" t="s">
        <v>593</v>
      </c>
      <c r="D13" s="1" t="s">
        <v>27</v>
      </c>
      <c r="E13" s="1" t="s">
        <v>417</v>
      </c>
      <c r="F13" s="1" t="s">
        <v>491</v>
      </c>
      <c r="G13" s="1" t="s">
        <v>71</v>
      </c>
      <c r="H13" s="1" t="s">
        <v>480</v>
      </c>
      <c r="I13" s="1" t="s">
        <v>468</v>
      </c>
      <c r="J13" s="1" t="s">
        <v>420</v>
      </c>
      <c r="K13" s="1" t="s">
        <v>327</v>
      </c>
      <c r="N13" s="1" t="s">
        <v>422</v>
      </c>
      <c r="P13" s="1" t="s">
        <v>435</v>
      </c>
      <c r="Q13" s="1" t="s">
        <v>492</v>
      </c>
      <c r="R13" s="1" t="s">
        <v>62</v>
      </c>
      <c r="S13" s="1" t="s">
        <v>236</v>
      </c>
      <c r="T13" s="1" t="s">
        <v>114</v>
      </c>
      <c r="U13" s="1">
        <v>9.6999999999999993</v>
      </c>
      <c r="V13" s="1"/>
      <c r="W13" s="1"/>
      <c r="X13" s="1">
        <v>2.1</v>
      </c>
      <c r="Y13" s="1">
        <v>0.17</v>
      </c>
      <c r="Z13" s="1"/>
      <c r="AA13" s="1" t="s">
        <v>646</v>
      </c>
      <c r="AB13" s="1" t="s">
        <v>64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0</v>
      </c>
      <c r="BP13" s="1">
        <v>15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34722222222222227</v>
      </c>
      <c r="C14" s="1" t="s">
        <v>593</v>
      </c>
      <c r="D14" s="1" t="s">
        <v>27</v>
      </c>
      <c r="E14" s="1" t="s">
        <v>599</v>
      </c>
      <c r="F14" s="1" t="s">
        <v>182</v>
      </c>
      <c r="G14" s="1" t="s">
        <v>282</v>
      </c>
      <c r="H14" s="1" t="s">
        <v>473</v>
      </c>
      <c r="I14" s="1" t="s">
        <v>251</v>
      </c>
      <c r="J14" s="1" t="s">
        <v>420</v>
      </c>
      <c r="K14" s="1" t="s">
        <v>327</v>
      </c>
      <c r="L14" s="1" t="s">
        <v>33</v>
      </c>
      <c r="N14" s="1" t="s">
        <v>422</v>
      </c>
      <c r="O14" s="1" t="s">
        <v>482</v>
      </c>
      <c r="P14" s="1" t="s">
        <v>302</v>
      </c>
      <c r="Q14" s="1" t="s">
        <v>200</v>
      </c>
      <c r="R14" s="1" t="s">
        <v>424</v>
      </c>
      <c r="S14" s="1" t="s">
        <v>233</v>
      </c>
      <c r="T14" s="1" t="s">
        <v>43</v>
      </c>
      <c r="U14" s="1">
        <v>10.199999999999999</v>
      </c>
      <c r="V14" s="3">
        <v>23000</v>
      </c>
      <c r="W14" s="1"/>
      <c r="X14" s="1">
        <v>2.5</v>
      </c>
      <c r="Y14" s="1">
        <v>0.13</v>
      </c>
      <c r="Z14" s="1">
        <v>7.0000000000000001E-3</v>
      </c>
      <c r="AA14" s="1" t="s">
        <v>644</v>
      </c>
      <c r="AB14" s="1" t="s">
        <v>665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2.2999999999999998</v>
      </c>
      <c r="BD14" s="1">
        <v>2.2999999999999998</v>
      </c>
      <c r="BE14" s="1"/>
      <c r="BF14" s="1"/>
      <c r="BG14" s="1"/>
      <c r="BH14" s="1"/>
      <c r="BI14" s="1"/>
      <c r="BJ14" s="1"/>
      <c r="BK14" s="1"/>
      <c r="BL14" s="1"/>
      <c r="BM14" s="1">
        <v>0.06</v>
      </c>
      <c r="BN14" s="1">
        <v>0.11</v>
      </c>
      <c r="BO14" s="1">
        <v>25</v>
      </c>
      <c r="BP14" s="1">
        <v>16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450</v>
      </c>
      <c r="B15" s="2">
        <v>0.35416666666666669</v>
      </c>
      <c r="C15" s="1" t="s">
        <v>593</v>
      </c>
      <c r="D15" s="1" t="s">
        <v>45</v>
      </c>
      <c r="E15" s="1" t="s">
        <v>417</v>
      </c>
      <c r="F15" s="1" t="s">
        <v>182</v>
      </c>
      <c r="G15" s="1" t="s">
        <v>367</v>
      </c>
      <c r="H15" s="1" t="s">
        <v>473</v>
      </c>
      <c r="I15" s="1" t="s">
        <v>472</v>
      </c>
      <c r="J15" s="1" t="s">
        <v>420</v>
      </c>
      <c r="K15" s="1" t="s">
        <v>327</v>
      </c>
      <c r="L15" s="1" t="s">
        <v>33</v>
      </c>
      <c r="N15" s="1" t="s">
        <v>422</v>
      </c>
      <c r="O15" s="1" t="s">
        <v>482</v>
      </c>
      <c r="P15" s="1" t="s">
        <v>435</v>
      </c>
      <c r="Q15" s="1" t="s">
        <v>199</v>
      </c>
      <c r="R15" s="1" t="s">
        <v>180</v>
      </c>
      <c r="S15" s="1" t="s">
        <v>493</v>
      </c>
      <c r="T15" s="1" t="s">
        <v>43</v>
      </c>
      <c r="U15" s="1">
        <v>10.9</v>
      </c>
      <c r="V15" s="3">
        <v>33000</v>
      </c>
      <c r="W15" s="1"/>
      <c r="X15" s="1">
        <v>2.2000000000000002</v>
      </c>
      <c r="Y15" s="1">
        <v>8.4000000000000005E-2</v>
      </c>
      <c r="Z15" s="1">
        <v>4.0000000000000001E-3</v>
      </c>
      <c r="AA15" s="1" t="s">
        <v>644</v>
      </c>
      <c r="AB15" s="1" t="s">
        <v>666</v>
      </c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613</v>
      </c>
      <c r="AV15" s="1" t="s">
        <v>606</v>
      </c>
      <c r="AW15" s="1" t="s">
        <v>606</v>
      </c>
      <c r="AX15" s="1"/>
      <c r="AY15" s="1"/>
      <c r="AZ15" s="1"/>
      <c r="BA15" s="1"/>
      <c r="BB15" s="1">
        <v>0.01</v>
      </c>
      <c r="BC15" s="1">
        <v>2</v>
      </c>
      <c r="BD15" s="1">
        <v>2</v>
      </c>
      <c r="BE15" s="1"/>
      <c r="BF15" s="1"/>
      <c r="BG15" s="1"/>
      <c r="BH15" s="1"/>
      <c r="BI15" s="1"/>
      <c r="BJ15" s="1"/>
      <c r="BK15" s="1"/>
      <c r="BL15" s="1"/>
      <c r="BM15" s="1" t="s">
        <v>625</v>
      </c>
      <c r="BN15" s="1">
        <v>6.5000000000000002E-2</v>
      </c>
      <c r="BO15" s="1">
        <v>23</v>
      </c>
      <c r="BP15" s="1">
        <v>11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B16" s="2">
        <v>0.85416666666666663</v>
      </c>
      <c r="C16" s="1" t="s">
        <v>593</v>
      </c>
      <c r="D16" s="1" t="s">
        <v>27</v>
      </c>
      <c r="E16" s="1" t="s">
        <v>417</v>
      </c>
      <c r="F16" s="1" t="s">
        <v>478</v>
      </c>
      <c r="G16" s="1" t="s">
        <v>433</v>
      </c>
      <c r="H16" s="1" t="s">
        <v>473</v>
      </c>
      <c r="I16" s="1" t="s">
        <v>141</v>
      </c>
      <c r="J16" s="1" t="s">
        <v>420</v>
      </c>
      <c r="K16" s="1" t="s">
        <v>407</v>
      </c>
      <c r="N16" s="1" t="s">
        <v>422</v>
      </c>
      <c r="P16" s="1" t="s">
        <v>302</v>
      </c>
      <c r="Q16" s="1" t="s">
        <v>492</v>
      </c>
      <c r="R16" s="1" t="s">
        <v>180</v>
      </c>
      <c r="S16" s="1" t="s">
        <v>407</v>
      </c>
      <c r="T16" s="1" t="s">
        <v>114</v>
      </c>
      <c r="U16" s="1">
        <v>12.9</v>
      </c>
      <c r="V16" s="1"/>
      <c r="W16" s="1"/>
      <c r="X16" s="1">
        <v>2.1</v>
      </c>
      <c r="Y16" s="1">
        <v>8.1000000000000003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>
        <v>23</v>
      </c>
      <c r="BP16" s="1">
        <v>12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A17" s="1" t="s">
        <v>117</v>
      </c>
      <c r="B17" s="2">
        <v>0.34027777777777773</v>
      </c>
      <c r="C17" s="1" t="s">
        <v>593</v>
      </c>
      <c r="D17" s="1" t="s">
        <v>45</v>
      </c>
      <c r="E17" s="1" t="s">
        <v>599</v>
      </c>
      <c r="F17" s="1" t="s">
        <v>471</v>
      </c>
      <c r="G17" s="1" t="s">
        <v>457</v>
      </c>
      <c r="H17" s="1" t="s">
        <v>473</v>
      </c>
      <c r="I17" s="1" t="s">
        <v>409</v>
      </c>
      <c r="J17" s="1" t="s">
        <v>420</v>
      </c>
      <c r="K17" s="1" t="s">
        <v>327</v>
      </c>
      <c r="L17" s="1" t="s">
        <v>33</v>
      </c>
      <c r="N17" s="1" t="s">
        <v>422</v>
      </c>
      <c r="O17" s="1" t="s">
        <v>482</v>
      </c>
      <c r="P17" s="1" t="s">
        <v>435</v>
      </c>
      <c r="Q17" s="1" t="s">
        <v>94</v>
      </c>
      <c r="R17" s="1" t="s">
        <v>424</v>
      </c>
      <c r="S17" s="1" t="s">
        <v>124</v>
      </c>
      <c r="T17" s="1" t="s">
        <v>43</v>
      </c>
      <c r="U17" s="1">
        <v>8.1</v>
      </c>
      <c r="V17" s="3">
        <v>17000</v>
      </c>
      <c r="W17" s="1"/>
      <c r="X17" s="1">
        <v>3.9</v>
      </c>
      <c r="Y17" s="1">
        <v>0.21</v>
      </c>
      <c r="Z17" s="1">
        <v>0.01</v>
      </c>
      <c r="AA17" s="1" t="s">
        <v>644</v>
      </c>
      <c r="AB17" s="1" t="s">
        <v>665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1</v>
      </c>
      <c r="BC17" s="1">
        <v>3.6</v>
      </c>
      <c r="BD17" s="1">
        <v>3.6</v>
      </c>
      <c r="BE17" s="1"/>
      <c r="BF17" s="1"/>
      <c r="BG17" s="1"/>
      <c r="BH17" s="1"/>
      <c r="BI17" s="1"/>
      <c r="BJ17" s="1"/>
      <c r="BK17" s="1"/>
      <c r="BL17" s="1"/>
      <c r="BM17" s="1" t="s">
        <v>625</v>
      </c>
      <c r="BN17" s="1">
        <v>0.2</v>
      </c>
      <c r="BO17" s="1">
        <v>33</v>
      </c>
      <c r="BP17" s="1">
        <v>28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4027777777777779</v>
      </c>
      <c r="C18" s="1" t="s">
        <v>593</v>
      </c>
      <c r="D18" s="1" t="s">
        <v>45</v>
      </c>
      <c r="E18" s="1" t="s">
        <v>599</v>
      </c>
      <c r="F18" s="1" t="s">
        <v>118</v>
      </c>
      <c r="G18" s="1" t="s">
        <v>394</v>
      </c>
      <c r="H18" s="1" t="s">
        <v>473</v>
      </c>
      <c r="I18" s="1" t="s">
        <v>131</v>
      </c>
      <c r="J18" s="1" t="s">
        <v>420</v>
      </c>
      <c r="K18" s="1" t="s">
        <v>327</v>
      </c>
      <c r="N18" s="1" t="s">
        <v>422</v>
      </c>
      <c r="P18" s="1" t="s">
        <v>435</v>
      </c>
      <c r="Q18" s="1" t="s">
        <v>494</v>
      </c>
      <c r="R18" s="1" t="s">
        <v>424</v>
      </c>
      <c r="S18" s="1" t="s">
        <v>172</v>
      </c>
      <c r="T18" s="1" t="s">
        <v>43</v>
      </c>
      <c r="U18" s="1">
        <v>12.5</v>
      </c>
      <c r="V18" s="1"/>
      <c r="W18" s="1"/>
      <c r="X18" s="1">
        <v>4</v>
      </c>
      <c r="Y18" s="1">
        <v>0.24</v>
      </c>
      <c r="Z18" s="1"/>
      <c r="AA18" s="1" t="s">
        <v>646</v>
      </c>
      <c r="AB18" s="1" t="s">
        <v>646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3</v>
      </c>
      <c r="BP18" s="1">
        <v>29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458</v>
      </c>
      <c r="B19" s="2">
        <v>0.35416666666666669</v>
      </c>
      <c r="C19" s="1" t="s">
        <v>593</v>
      </c>
      <c r="D19" s="1" t="s">
        <v>45</v>
      </c>
      <c r="E19" s="1" t="s">
        <v>417</v>
      </c>
      <c r="F19" s="1" t="s">
        <v>463</v>
      </c>
      <c r="G19" s="1" t="s">
        <v>462</v>
      </c>
      <c r="H19" s="1" t="s">
        <v>480</v>
      </c>
      <c r="I19" s="1" t="s">
        <v>467</v>
      </c>
      <c r="J19" s="1" t="s">
        <v>420</v>
      </c>
      <c r="K19" s="1" t="s">
        <v>493</v>
      </c>
      <c r="L19" s="1" t="s">
        <v>33</v>
      </c>
      <c r="N19" s="1" t="s">
        <v>422</v>
      </c>
      <c r="O19" s="1" t="s">
        <v>475</v>
      </c>
      <c r="P19" s="1" t="s">
        <v>435</v>
      </c>
      <c r="Q19" s="1" t="s">
        <v>79</v>
      </c>
      <c r="R19" s="1" t="s">
        <v>92</v>
      </c>
      <c r="S19" s="1" t="s">
        <v>193</v>
      </c>
      <c r="T19" s="1" t="s">
        <v>43</v>
      </c>
      <c r="U19" s="1">
        <v>10</v>
      </c>
      <c r="V19" s="3">
        <v>7900</v>
      </c>
      <c r="W19" s="1"/>
      <c r="X19" s="1">
        <v>4.3</v>
      </c>
      <c r="Y19" s="1">
        <v>0.31</v>
      </c>
      <c r="Z19" s="1">
        <v>0.01</v>
      </c>
      <c r="AA19" s="1" t="s">
        <v>644</v>
      </c>
      <c r="AB19" s="1" t="s">
        <v>667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2</v>
      </c>
      <c r="BC19" s="1">
        <v>4.0999999999999996</v>
      </c>
      <c r="BD19" s="1">
        <v>4.0999999999999996</v>
      </c>
      <c r="BE19" s="1"/>
      <c r="BF19" s="1"/>
      <c r="BG19" s="1"/>
      <c r="BH19" s="1"/>
      <c r="BI19" s="1"/>
      <c r="BJ19" s="1"/>
      <c r="BK19" s="1"/>
      <c r="BL19" s="1"/>
      <c r="BM19" s="1" t="s">
        <v>625</v>
      </c>
      <c r="BN19" s="1">
        <v>0.28000000000000003</v>
      </c>
      <c r="BO19" s="1">
        <v>35</v>
      </c>
      <c r="BP19" s="1">
        <v>33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85416666666666663</v>
      </c>
      <c r="C20" s="1" t="s">
        <v>593</v>
      </c>
      <c r="D20" s="1" t="s">
        <v>45</v>
      </c>
      <c r="E20" s="1" t="s">
        <v>417</v>
      </c>
      <c r="F20" s="1" t="s">
        <v>201</v>
      </c>
      <c r="G20" s="1" t="s">
        <v>237</v>
      </c>
      <c r="H20" s="1" t="s">
        <v>480</v>
      </c>
      <c r="I20" s="1" t="s">
        <v>176</v>
      </c>
      <c r="J20" s="1" t="s">
        <v>420</v>
      </c>
      <c r="K20" s="1" t="s">
        <v>327</v>
      </c>
      <c r="N20" s="1" t="s">
        <v>422</v>
      </c>
      <c r="P20" s="1" t="s">
        <v>435</v>
      </c>
      <c r="Q20" s="1" t="s">
        <v>299</v>
      </c>
      <c r="R20" s="1" t="s">
        <v>123</v>
      </c>
      <c r="S20" s="1" t="s">
        <v>193</v>
      </c>
      <c r="T20" s="1" t="s">
        <v>43</v>
      </c>
      <c r="U20" s="1">
        <v>12.8</v>
      </c>
      <c r="V20" s="1"/>
      <c r="W20" s="1"/>
      <c r="X20" s="1">
        <v>4.4000000000000004</v>
      </c>
      <c r="Y20" s="1">
        <v>0.36</v>
      </c>
      <c r="Z20" s="1"/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36</v>
      </c>
      <c r="BP20" s="1">
        <v>36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136</v>
      </c>
      <c r="B21" s="2">
        <v>0.34027777777777773</v>
      </c>
      <c r="C21" s="1" t="s">
        <v>593</v>
      </c>
      <c r="D21" s="1" t="s">
        <v>429</v>
      </c>
      <c r="E21" s="1" t="s">
        <v>417</v>
      </c>
      <c r="F21" s="1" t="s">
        <v>76</v>
      </c>
      <c r="G21" s="1" t="s">
        <v>494</v>
      </c>
      <c r="H21" s="1" t="s">
        <v>480</v>
      </c>
      <c r="I21" s="1" t="s">
        <v>176</v>
      </c>
      <c r="J21" s="1" t="s">
        <v>420</v>
      </c>
      <c r="K21" s="1" t="s">
        <v>327</v>
      </c>
      <c r="L21" s="1" t="s">
        <v>33</v>
      </c>
      <c r="N21" s="1" t="s">
        <v>422</v>
      </c>
      <c r="O21" s="1" t="s">
        <v>482</v>
      </c>
      <c r="P21" s="1" t="s">
        <v>302</v>
      </c>
      <c r="Q21" s="1" t="s">
        <v>94</v>
      </c>
      <c r="R21" s="1" t="s">
        <v>55</v>
      </c>
      <c r="S21" s="1" t="s">
        <v>76</v>
      </c>
      <c r="T21" s="1" t="s">
        <v>43</v>
      </c>
      <c r="U21" s="1">
        <v>10</v>
      </c>
      <c r="V21" s="3">
        <v>33000</v>
      </c>
      <c r="W21" s="1"/>
      <c r="X21" s="1">
        <v>5.0999999999999996</v>
      </c>
      <c r="Y21" s="1">
        <v>0.28999999999999998</v>
      </c>
      <c r="Z21" s="1">
        <v>1.2999999999999999E-2</v>
      </c>
      <c r="AA21" s="1" t="s">
        <v>644</v>
      </c>
      <c r="AB21" s="1" t="s">
        <v>651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>
        <v>0.02</v>
      </c>
      <c r="BC21" s="1">
        <v>4.9000000000000004</v>
      </c>
      <c r="BD21" s="1">
        <v>4.9000000000000004</v>
      </c>
      <c r="BE21" s="1"/>
      <c r="BF21" s="1"/>
      <c r="BG21" s="1"/>
      <c r="BH21" s="1"/>
      <c r="BI21" s="1"/>
      <c r="BJ21" s="1"/>
      <c r="BK21" s="1"/>
      <c r="BL21" s="1"/>
      <c r="BM21" s="1" t="s">
        <v>625</v>
      </c>
      <c r="BN21" s="1">
        <v>0.27</v>
      </c>
      <c r="BO21" s="1">
        <v>35</v>
      </c>
      <c r="BP21" s="1">
        <v>33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4027777777777779</v>
      </c>
      <c r="C22" s="1" t="s">
        <v>593</v>
      </c>
      <c r="D22" s="1" t="s">
        <v>429</v>
      </c>
      <c r="E22" s="1" t="s">
        <v>417</v>
      </c>
      <c r="F22" s="1" t="s">
        <v>495</v>
      </c>
      <c r="G22" s="1" t="s">
        <v>122</v>
      </c>
      <c r="H22" s="1" t="s">
        <v>480</v>
      </c>
      <c r="I22" s="1" t="s">
        <v>496</v>
      </c>
      <c r="J22" s="1" t="s">
        <v>420</v>
      </c>
      <c r="K22" s="1" t="s">
        <v>327</v>
      </c>
      <c r="N22" s="1" t="s">
        <v>422</v>
      </c>
      <c r="P22" s="1" t="s">
        <v>302</v>
      </c>
      <c r="Q22" s="1" t="s">
        <v>253</v>
      </c>
      <c r="R22" s="1" t="s">
        <v>424</v>
      </c>
      <c r="S22" s="1" t="s">
        <v>63</v>
      </c>
      <c r="T22" s="1" t="s">
        <v>43</v>
      </c>
      <c r="U22" s="1">
        <v>13.9</v>
      </c>
      <c r="V22" s="1"/>
      <c r="W22" s="1"/>
      <c r="X22" s="1">
        <v>4.9000000000000004</v>
      </c>
      <c r="Y22" s="1">
        <v>0.28999999999999998</v>
      </c>
      <c r="Z22" s="1"/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5</v>
      </c>
      <c r="BP22" s="1">
        <v>33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465</v>
      </c>
      <c r="B23" s="2">
        <v>0.35416666666666669</v>
      </c>
      <c r="C23" s="1" t="s">
        <v>593</v>
      </c>
      <c r="D23" s="1" t="s">
        <v>27</v>
      </c>
      <c r="E23" s="1" t="s">
        <v>599</v>
      </c>
      <c r="F23" s="1" t="s">
        <v>63</v>
      </c>
      <c r="G23" s="1" t="s">
        <v>492</v>
      </c>
      <c r="H23" s="1" t="s">
        <v>497</v>
      </c>
      <c r="I23" s="1" t="s">
        <v>498</v>
      </c>
      <c r="J23" s="1" t="s">
        <v>420</v>
      </c>
      <c r="K23" s="1" t="s">
        <v>104</v>
      </c>
      <c r="L23" s="1" t="s">
        <v>33</v>
      </c>
      <c r="N23" s="1" t="s">
        <v>422</v>
      </c>
      <c r="O23" s="1" t="s">
        <v>423</v>
      </c>
      <c r="P23" s="1" t="s">
        <v>435</v>
      </c>
      <c r="Q23" s="1" t="s">
        <v>499</v>
      </c>
      <c r="R23" s="1" t="s">
        <v>424</v>
      </c>
      <c r="S23" s="1" t="s">
        <v>63</v>
      </c>
      <c r="T23" s="1" t="s">
        <v>38</v>
      </c>
      <c r="U23" s="1">
        <v>12</v>
      </c>
      <c r="V23" s="3">
        <v>11000</v>
      </c>
      <c r="W23" s="1" t="s">
        <v>611</v>
      </c>
      <c r="X23" s="1">
        <v>5.2</v>
      </c>
      <c r="Y23" s="1">
        <v>0.44</v>
      </c>
      <c r="Z23" s="1">
        <v>1.2999999999999999E-2</v>
      </c>
      <c r="AA23" s="1" t="s">
        <v>644</v>
      </c>
      <c r="AB23" s="1" t="s">
        <v>656</v>
      </c>
      <c r="AC23" s="1" t="s">
        <v>606</v>
      </c>
      <c r="AD23" s="1" t="s">
        <v>607</v>
      </c>
      <c r="AE23" s="1" t="s">
        <v>609</v>
      </c>
      <c r="AF23" s="1" t="s">
        <v>612</v>
      </c>
      <c r="AG23" s="1" t="s">
        <v>609</v>
      </c>
      <c r="AH23" s="1" t="s">
        <v>613</v>
      </c>
      <c r="AI23" s="1"/>
      <c r="AJ23" s="1" t="s">
        <v>613</v>
      </c>
      <c r="AK23" s="1" t="s">
        <v>614</v>
      </c>
      <c r="AL23" s="1" t="s">
        <v>614</v>
      </c>
      <c r="AM23" s="1" t="s">
        <v>614</v>
      </c>
      <c r="AN23" s="1" t="s">
        <v>614</v>
      </c>
      <c r="AO23" s="1" t="s">
        <v>614</v>
      </c>
      <c r="AP23" t="s">
        <v>614</v>
      </c>
      <c r="AQ23" s="1" t="s">
        <v>614</v>
      </c>
      <c r="AR23" s="1" t="s">
        <v>614</v>
      </c>
      <c r="AS23" s="1" t="s">
        <v>614</v>
      </c>
      <c r="AT23" s="1" t="s">
        <v>610</v>
      </c>
      <c r="AU23" s="1"/>
      <c r="AV23" s="1"/>
      <c r="AW23" s="1"/>
      <c r="AX23" s="1" t="s">
        <v>614</v>
      </c>
      <c r="AY23" s="1" t="s">
        <v>620</v>
      </c>
      <c r="AZ23" s="1" t="s">
        <v>621</v>
      </c>
      <c r="BA23" s="1">
        <v>0.05</v>
      </c>
      <c r="BB23" s="1">
        <v>0.03</v>
      </c>
      <c r="BC23" s="1">
        <v>5</v>
      </c>
      <c r="BD23" s="1">
        <v>5</v>
      </c>
      <c r="BE23" s="1" t="s">
        <v>609</v>
      </c>
      <c r="BF23" s="1" t="s">
        <v>609</v>
      </c>
      <c r="BG23" s="1" t="s">
        <v>619</v>
      </c>
      <c r="BH23" s="1">
        <v>7.0000000000000007E-2</v>
      </c>
      <c r="BI23" s="1" t="s">
        <v>607</v>
      </c>
      <c r="BJ23" s="1" t="s">
        <v>612</v>
      </c>
      <c r="BK23" s="1" t="s">
        <v>613</v>
      </c>
      <c r="BL23" s="1" t="s">
        <v>626</v>
      </c>
      <c r="BM23" s="1" t="s">
        <v>625</v>
      </c>
      <c r="BN23" s="1">
        <v>0.4</v>
      </c>
      <c r="BO23" s="1">
        <v>39</v>
      </c>
      <c r="BP23" s="1">
        <v>45</v>
      </c>
      <c r="BQ23" s="1"/>
      <c r="BR23" s="1" t="s">
        <v>627</v>
      </c>
      <c r="BS23" s="1">
        <v>6.0000000000000001E-3</v>
      </c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85416666666666663</v>
      </c>
      <c r="C24" s="1" t="s">
        <v>593</v>
      </c>
      <c r="D24" s="1" t="s">
        <v>27</v>
      </c>
      <c r="E24" s="1" t="s">
        <v>599</v>
      </c>
      <c r="F24" s="1" t="s">
        <v>42</v>
      </c>
      <c r="G24" s="1" t="s">
        <v>462</v>
      </c>
      <c r="H24" s="1" t="s">
        <v>384</v>
      </c>
      <c r="I24" s="1" t="s">
        <v>452</v>
      </c>
      <c r="J24" s="1" t="s">
        <v>420</v>
      </c>
      <c r="K24" s="1" t="s">
        <v>104</v>
      </c>
      <c r="N24" s="1" t="s">
        <v>422</v>
      </c>
      <c r="P24" s="1" t="s">
        <v>435</v>
      </c>
      <c r="Q24" s="1" t="s">
        <v>79</v>
      </c>
      <c r="R24" s="1" t="s">
        <v>424</v>
      </c>
      <c r="S24" s="1" t="s">
        <v>308</v>
      </c>
      <c r="T24" s="1" t="s">
        <v>38</v>
      </c>
      <c r="U24" s="1">
        <v>10</v>
      </c>
      <c r="V24" s="1"/>
      <c r="W24" s="1"/>
      <c r="X24" s="1">
        <v>5.3</v>
      </c>
      <c r="Y24" s="1">
        <v>0.44</v>
      </c>
      <c r="Z24" s="1"/>
      <c r="AA24" s="1" t="s">
        <v>646</v>
      </c>
      <c r="AB24" s="1" t="s">
        <v>646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40</v>
      </c>
      <c r="BP24" s="1">
        <v>45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53</v>
      </c>
      <c r="B25" s="2">
        <v>0.34722222222222227</v>
      </c>
      <c r="C25" s="1" t="s">
        <v>593</v>
      </c>
      <c r="D25" s="1" t="s">
        <v>27</v>
      </c>
      <c r="E25" s="1" t="s">
        <v>599</v>
      </c>
      <c r="F25" s="1" t="s">
        <v>195</v>
      </c>
      <c r="G25" s="1" t="s">
        <v>500</v>
      </c>
      <c r="H25" s="1" t="s">
        <v>473</v>
      </c>
      <c r="I25" s="1" t="s">
        <v>121</v>
      </c>
      <c r="J25" s="1" t="s">
        <v>420</v>
      </c>
      <c r="K25" s="1" t="s">
        <v>327</v>
      </c>
      <c r="L25" s="1" t="s">
        <v>33</v>
      </c>
      <c r="N25" s="1" t="s">
        <v>422</v>
      </c>
      <c r="O25" s="1" t="s">
        <v>475</v>
      </c>
      <c r="P25" s="1" t="s">
        <v>302</v>
      </c>
      <c r="Q25" s="1" t="s">
        <v>94</v>
      </c>
      <c r="R25" s="1" t="s">
        <v>292</v>
      </c>
      <c r="S25" s="1" t="s">
        <v>315</v>
      </c>
      <c r="T25" s="1" t="s">
        <v>43</v>
      </c>
      <c r="U25" s="1">
        <v>10.199999999999999</v>
      </c>
      <c r="V25" s="3">
        <v>33000</v>
      </c>
      <c r="W25" s="1"/>
      <c r="X25" s="1">
        <v>3.2</v>
      </c>
      <c r="Y25" s="1">
        <v>0.23</v>
      </c>
      <c r="Z25" s="1">
        <v>1.2E-2</v>
      </c>
      <c r="AA25" s="1" t="s">
        <v>644</v>
      </c>
      <c r="AB25" s="1" t="s">
        <v>668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5</v>
      </c>
      <c r="BC25" s="1">
        <v>2.6</v>
      </c>
      <c r="BD25" s="1">
        <v>2.6</v>
      </c>
      <c r="BE25" s="1"/>
      <c r="BF25" s="1"/>
      <c r="BG25" s="1"/>
      <c r="BH25" s="1"/>
      <c r="BI25" s="1"/>
      <c r="BJ25" s="1"/>
      <c r="BK25" s="1"/>
      <c r="BL25" s="1"/>
      <c r="BM25" s="1">
        <v>0.26</v>
      </c>
      <c r="BN25" s="1">
        <v>0.2</v>
      </c>
      <c r="BO25" s="1">
        <v>26</v>
      </c>
      <c r="BP25" s="1">
        <v>20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4722222222222221</v>
      </c>
      <c r="C26" s="1" t="s">
        <v>593</v>
      </c>
      <c r="D26" s="1" t="s">
        <v>27</v>
      </c>
      <c r="E26" s="1" t="s">
        <v>599</v>
      </c>
      <c r="F26" s="1" t="s">
        <v>399</v>
      </c>
      <c r="G26" s="1" t="s">
        <v>501</v>
      </c>
      <c r="H26" s="1" t="s">
        <v>473</v>
      </c>
      <c r="I26" s="1" t="s">
        <v>405</v>
      </c>
      <c r="J26" s="1" t="s">
        <v>420</v>
      </c>
      <c r="K26" s="1" t="s">
        <v>327</v>
      </c>
      <c r="N26" s="1" t="s">
        <v>422</v>
      </c>
      <c r="P26" s="1" t="s">
        <v>484</v>
      </c>
      <c r="Q26" s="1" t="s">
        <v>494</v>
      </c>
      <c r="R26" s="1" t="s">
        <v>424</v>
      </c>
      <c r="S26" s="1" t="s">
        <v>172</v>
      </c>
      <c r="T26" s="1" t="s">
        <v>43</v>
      </c>
      <c r="U26" s="1">
        <v>12.7</v>
      </c>
      <c r="V26" s="1"/>
      <c r="W26" s="1"/>
      <c r="X26" s="1">
        <v>3.2</v>
      </c>
      <c r="Y26" s="1">
        <v>0.27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9</v>
      </c>
      <c r="BP26" s="1">
        <v>24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1" spans="21:21" x14ac:dyDescent="0.15">
      <c r="U271" s="1"/>
    </row>
    <row r="272" spans="21:21" x14ac:dyDescent="0.15">
      <c r="U272" s="1"/>
    </row>
    <row r="273" spans="21:21" x14ac:dyDescent="0.15">
      <c r="U273" s="1"/>
    </row>
    <row r="274" spans="21:21" x14ac:dyDescent="0.15">
      <c r="U274" s="1"/>
    </row>
    <row r="275" spans="21:21" x14ac:dyDescent="0.15">
      <c r="U275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88" spans="21:21" x14ac:dyDescent="0.15">
      <c r="U288" s="1"/>
    </row>
    <row r="289" spans="21:21" x14ac:dyDescent="0.15">
      <c r="U289" s="1"/>
    </row>
    <row r="290" spans="21:21" x14ac:dyDescent="0.15">
      <c r="U290" s="1"/>
    </row>
    <row r="291" spans="21:21" x14ac:dyDescent="0.15">
      <c r="U291" s="1"/>
    </row>
    <row r="292" spans="21:21" x14ac:dyDescent="0.15">
      <c r="U292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5" spans="21:21" x14ac:dyDescent="0.15">
      <c r="U305" s="1"/>
    </row>
    <row r="306" spans="21:21" x14ac:dyDescent="0.15">
      <c r="U306" s="1"/>
    </row>
    <row r="307" spans="21:21" x14ac:dyDescent="0.15">
      <c r="U307" s="1"/>
    </row>
    <row r="308" spans="21:21" x14ac:dyDescent="0.15">
      <c r="U308" s="1"/>
    </row>
    <row r="309" spans="21:21" x14ac:dyDescent="0.15">
      <c r="U309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4" spans="21:21" x14ac:dyDescent="0.15">
      <c r="U334" s="1"/>
    </row>
    <row r="335" spans="21:21" x14ac:dyDescent="0.15">
      <c r="U335" s="1"/>
    </row>
    <row r="336" spans="21:21" x14ac:dyDescent="0.15">
      <c r="U336" s="1"/>
    </row>
    <row r="337" spans="21:21" x14ac:dyDescent="0.15">
      <c r="U337" s="1"/>
    </row>
    <row r="338" spans="21:21" x14ac:dyDescent="0.15">
      <c r="U338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1" spans="21:21" x14ac:dyDescent="0.15">
      <c r="U351" s="1"/>
    </row>
    <row r="352" spans="21:21" x14ac:dyDescent="0.15">
      <c r="U352" s="1"/>
    </row>
    <row r="353" spans="21:21" x14ac:dyDescent="0.15">
      <c r="U353" s="1"/>
    </row>
    <row r="354" spans="21:21" x14ac:dyDescent="0.15">
      <c r="U354" s="1"/>
    </row>
    <row r="355" spans="21:21" x14ac:dyDescent="0.15">
      <c r="U355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0" spans="21:21" x14ac:dyDescent="0.15">
      <c r="U380" s="1"/>
    </row>
    <row r="381" spans="21:21" x14ac:dyDescent="0.15">
      <c r="U381" s="1"/>
    </row>
    <row r="382" spans="21:21" x14ac:dyDescent="0.15">
      <c r="U382" s="1"/>
    </row>
    <row r="383" spans="21:21" x14ac:dyDescent="0.15">
      <c r="U383" s="1"/>
    </row>
    <row r="384" spans="21:21" x14ac:dyDescent="0.15">
      <c r="U384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08" spans="21:21" x14ac:dyDescent="0.15">
      <c r="U408" s="1"/>
    </row>
    <row r="409" spans="21:21" x14ac:dyDescent="0.15">
      <c r="U409" s="1"/>
    </row>
    <row r="410" spans="21:21" x14ac:dyDescent="0.15">
      <c r="U410" s="1"/>
    </row>
    <row r="411" spans="21:21" x14ac:dyDescent="0.15">
      <c r="U411" s="1"/>
    </row>
    <row r="412" spans="21:21" x14ac:dyDescent="0.15">
      <c r="U412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36" spans="21:21" x14ac:dyDescent="0.15">
      <c r="U436" s="1"/>
    </row>
    <row r="437" spans="21:21" x14ac:dyDescent="0.15">
      <c r="U437" s="1"/>
    </row>
    <row r="438" spans="21:21" x14ac:dyDescent="0.15">
      <c r="U438" s="1"/>
    </row>
    <row r="439" spans="21:21" x14ac:dyDescent="0.15">
      <c r="U439" s="1"/>
    </row>
    <row r="440" spans="21:21" x14ac:dyDescent="0.15">
      <c r="U440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  <row r="464" spans="21:21" x14ac:dyDescent="0.15">
      <c r="U464" s="1"/>
    </row>
    <row r="465" spans="21:21" x14ac:dyDescent="0.15">
      <c r="U465" s="1"/>
    </row>
    <row r="466" spans="21:21" x14ac:dyDescent="0.15">
      <c r="U466" s="1"/>
    </row>
    <row r="467" spans="21:21" x14ac:dyDescent="0.15">
      <c r="U467" s="1"/>
    </row>
    <row r="468" spans="21:21" x14ac:dyDescent="0.15">
      <c r="U468" s="1"/>
    </row>
  </sheetData>
  <phoneticPr fontId="18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Z463"/>
  <sheetViews>
    <sheetView zoomScale="85" zoomScaleNormal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 activeCell="D4" sqref="D4"/>
    </sheetView>
  </sheetViews>
  <sheetFormatPr defaultRowHeight="14.25" x14ac:dyDescent="0.15"/>
  <sheetData>
    <row r="1" spans="1:78" x14ac:dyDescent="0.15">
      <c r="A1" s="1" t="s">
        <v>0</v>
      </c>
      <c r="B1" s="1" t="s">
        <v>601</v>
      </c>
      <c r="C1" s="1" t="s">
        <v>1</v>
      </c>
      <c r="D1" s="1" t="s">
        <v>602</v>
      </c>
      <c r="E1" s="1" t="s">
        <v>2</v>
      </c>
      <c r="F1" s="1" t="s">
        <v>584</v>
      </c>
      <c r="G1" s="1" t="s">
        <v>3</v>
      </c>
      <c r="H1" s="1" t="s">
        <v>598</v>
      </c>
      <c r="V1" s="1"/>
      <c r="W1" s="1"/>
      <c r="X1" s="1"/>
      <c r="Y1" s="1"/>
      <c r="Z1" s="1"/>
      <c r="AA1" s="1"/>
      <c r="AB1" s="1"/>
      <c r="AQ1" s="1"/>
      <c r="AR1" s="1"/>
      <c r="AS1" s="1"/>
      <c r="AT1" s="1"/>
      <c r="AU1" s="1"/>
      <c r="BI1" s="1"/>
      <c r="BJ1" s="1"/>
      <c r="BK1" s="1"/>
      <c r="BL1" s="1"/>
      <c r="BM1" s="1"/>
    </row>
    <row r="2" spans="1:78" x14ac:dyDescent="0.15">
      <c r="A2" s="1" t="s">
        <v>4</v>
      </c>
      <c r="B2" s="1" t="s">
        <v>5</v>
      </c>
      <c r="C2" s="1" t="s">
        <v>6</v>
      </c>
      <c r="D2" s="1" t="s">
        <v>7</v>
      </c>
      <c r="E2" s="1" t="s">
        <v>8</v>
      </c>
      <c r="F2" s="1" t="s">
        <v>9</v>
      </c>
      <c r="G2" s="1" t="s">
        <v>10</v>
      </c>
      <c r="H2" s="1" t="s">
        <v>11</v>
      </c>
      <c r="I2" s="1" t="s">
        <v>12</v>
      </c>
      <c r="J2" s="1" t="s">
        <v>13</v>
      </c>
      <c r="K2" s="1" t="s">
        <v>14</v>
      </c>
      <c r="L2" s="1" t="s">
        <v>15</v>
      </c>
      <c r="M2" s="1" t="s">
        <v>16</v>
      </c>
      <c r="N2" s="1" t="s">
        <v>17</v>
      </c>
      <c r="O2" s="1" t="s">
        <v>18</v>
      </c>
      <c r="P2" s="1" t="s">
        <v>19</v>
      </c>
      <c r="Q2" s="1" t="s">
        <v>20</v>
      </c>
      <c r="R2" s="1" t="s">
        <v>21</v>
      </c>
      <c r="S2" s="1" t="s">
        <v>22</v>
      </c>
      <c r="T2" s="1" t="s">
        <v>23</v>
      </c>
      <c r="U2" s="1" t="s">
        <v>586</v>
      </c>
      <c r="V2" s="1" t="s">
        <v>536</v>
      </c>
      <c r="W2" s="1" t="s">
        <v>603</v>
      </c>
      <c r="X2" s="1" t="s">
        <v>537</v>
      </c>
      <c r="Y2" s="1" t="s">
        <v>538</v>
      </c>
      <c r="Z2" s="1" t="s">
        <v>539</v>
      </c>
      <c r="AA2" s="1" t="s">
        <v>637</v>
      </c>
      <c r="AB2" s="1" t="s">
        <v>642</v>
      </c>
      <c r="AC2" s="1" t="s">
        <v>540</v>
      </c>
      <c r="AD2" s="1" t="s">
        <v>541</v>
      </c>
      <c r="AE2" s="1" t="s">
        <v>604</v>
      </c>
      <c r="AF2" s="1" t="s">
        <v>542</v>
      </c>
      <c r="AG2" s="1" t="s">
        <v>543</v>
      </c>
      <c r="AH2" s="1" t="s">
        <v>544</v>
      </c>
      <c r="AI2" s="1" t="s">
        <v>545</v>
      </c>
      <c r="AJ2" s="1" t="s">
        <v>546</v>
      </c>
      <c r="AK2" s="1" t="s">
        <v>547</v>
      </c>
      <c r="AL2" s="1" t="s">
        <v>548</v>
      </c>
      <c r="AM2" s="1" t="s">
        <v>549</v>
      </c>
      <c r="AN2" s="1" t="s">
        <v>550</v>
      </c>
      <c r="AO2" s="1" t="s">
        <v>551</v>
      </c>
      <c r="AP2" t="s">
        <v>628</v>
      </c>
      <c r="AQ2" s="1" t="s">
        <v>552</v>
      </c>
      <c r="AR2" s="1" t="s">
        <v>553</v>
      </c>
      <c r="AS2" s="1" t="s">
        <v>554</v>
      </c>
      <c r="AT2" s="1" t="s">
        <v>615</v>
      </c>
      <c r="AU2" s="1" t="s">
        <v>555</v>
      </c>
      <c r="AV2" s="1" t="s">
        <v>556</v>
      </c>
      <c r="AW2" s="1" t="s">
        <v>557</v>
      </c>
      <c r="AX2" s="1" t="s">
        <v>558</v>
      </c>
      <c r="AY2" s="1" t="s">
        <v>559</v>
      </c>
      <c r="AZ2" s="1" t="s">
        <v>560</v>
      </c>
      <c r="BA2" s="1" t="s">
        <v>561</v>
      </c>
      <c r="BB2" s="1" t="s">
        <v>562</v>
      </c>
      <c r="BC2" s="1" t="s">
        <v>563</v>
      </c>
      <c r="BD2" s="1" t="s">
        <v>564</v>
      </c>
      <c r="BE2" s="1" t="s">
        <v>640</v>
      </c>
      <c r="BF2" s="1" t="s">
        <v>565</v>
      </c>
      <c r="BG2" s="1" t="s">
        <v>616</v>
      </c>
      <c r="BH2" s="1" t="s">
        <v>617</v>
      </c>
      <c r="BI2" s="1" t="s">
        <v>566</v>
      </c>
      <c r="BJ2" s="1" t="s">
        <v>567</v>
      </c>
      <c r="BK2" s="1" t="s">
        <v>568</v>
      </c>
      <c r="BL2" s="1" t="s">
        <v>569</v>
      </c>
      <c r="BM2" s="1" t="s">
        <v>570</v>
      </c>
      <c r="BN2" s="1" t="s">
        <v>571</v>
      </c>
      <c r="BO2" s="1" t="s">
        <v>572</v>
      </c>
      <c r="BP2" s="1" t="s">
        <v>573</v>
      </c>
      <c r="BQ2" s="1" t="s">
        <v>574</v>
      </c>
      <c r="BR2" s="1" t="s">
        <v>575</v>
      </c>
      <c r="BS2" s="1" t="s">
        <v>576</v>
      </c>
      <c r="BT2" s="1" t="s">
        <v>577</v>
      </c>
      <c r="BU2" s="1" t="s">
        <v>578</v>
      </c>
      <c r="BV2" s="1" t="s">
        <v>579</v>
      </c>
      <c r="BW2" s="1" t="s">
        <v>580</v>
      </c>
      <c r="BX2" s="1" t="s">
        <v>581</v>
      </c>
      <c r="BY2" s="1" t="s">
        <v>582</v>
      </c>
      <c r="BZ2" s="1" t="s">
        <v>622</v>
      </c>
    </row>
    <row r="3" spans="1:78" x14ac:dyDescent="0.15">
      <c r="A3" s="1" t="s">
        <v>587</v>
      </c>
      <c r="B3" s="1" t="s">
        <v>588</v>
      </c>
      <c r="C3" s="1"/>
      <c r="D3" s="1"/>
      <c r="E3" s="1"/>
      <c r="F3" s="1" t="s">
        <v>589</v>
      </c>
      <c r="G3" s="1" t="s">
        <v>589</v>
      </c>
      <c r="H3" s="1" t="s">
        <v>590</v>
      </c>
      <c r="I3" s="1" t="s">
        <v>24</v>
      </c>
      <c r="J3" s="1" t="s">
        <v>591</v>
      </c>
      <c r="K3" s="1" t="s">
        <v>591</v>
      </c>
      <c r="L3" s="1" t="s">
        <v>592</v>
      </c>
      <c r="M3" s="1" t="s">
        <v>591</v>
      </c>
      <c r="N3" s="1"/>
      <c r="O3" s="1"/>
      <c r="P3" s="1"/>
      <c r="Q3" s="1"/>
      <c r="R3" s="1" t="s">
        <v>25</v>
      </c>
      <c r="S3" s="1" t="s">
        <v>25</v>
      </c>
      <c r="T3" s="1" t="s">
        <v>25</v>
      </c>
      <c r="U3" s="1" t="s">
        <v>25</v>
      </c>
      <c r="V3" s="1" t="s">
        <v>605</v>
      </c>
      <c r="W3" s="1" t="s">
        <v>25</v>
      </c>
      <c r="X3" s="1" t="s">
        <v>25</v>
      </c>
      <c r="Y3" s="1" t="s">
        <v>25</v>
      </c>
      <c r="Z3" s="1" t="s">
        <v>25</v>
      </c>
      <c r="AA3" s="1" t="s">
        <v>25</v>
      </c>
      <c r="AB3" s="1" t="s">
        <v>25</v>
      </c>
      <c r="AC3" s="1" t="s">
        <v>25</v>
      </c>
      <c r="AD3" s="1" t="s">
        <v>25</v>
      </c>
      <c r="AE3" s="1" t="s">
        <v>25</v>
      </c>
      <c r="AF3" s="1" t="s">
        <v>25</v>
      </c>
      <c r="AG3" s="1" t="s">
        <v>25</v>
      </c>
      <c r="AH3" s="1" t="s">
        <v>25</v>
      </c>
      <c r="AI3" s="1" t="s">
        <v>25</v>
      </c>
      <c r="AJ3" s="1" t="s">
        <v>25</v>
      </c>
      <c r="AK3" s="1" t="s">
        <v>25</v>
      </c>
      <c r="AL3" s="1" t="s">
        <v>25</v>
      </c>
      <c r="AM3" s="1" t="s">
        <v>25</v>
      </c>
      <c r="AN3" s="1" t="s">
        <v>25</v>
      </c>
      <c r="AO3" s="1" t="s">
        <v>25</v>
      </c>
      <c r="AP3" t="s">
        <v>25</v>
      </c>
      <c r="AQ3" s="1" t="s">
        <v>25</v>
      </c>
      <c r="AR3" s="1" t="s">
        <v>25</v>
      </c>
      <c r="AS3" s="1" t="s">
        <v>25</v>
      </c>
      <c r="AT3" s="1" t="s">
        <v>25</v>
      </c>
      <c r="AU3" s="1" t="s">
        <v>25</v>
      </c>
      <c r="AV3" s="1" t="s">
        <v>25</v>
      </c>
      <c r="AW3" s="1" t="s">
        <v>25</v>
      </c>
      <c r="AX3" s="1" t="s">
        <v>25</v>
      </c>
      <c r="AY3" s="1" t="s">
        <v>25</v>
      </c>
      <c r="AZ3" s="1" t="s">
        <v>25</v>
      </c>
      <c r="BA3" s="1" t="s">
        <v>25</v>
      </c>
      <c r="BB3" s="1" t="s">
        <v>25</v>
      </c>
      <c r="BC3" s="1" t="s">
        <v>25</v>
      </c>
      <c r="BD3" s="1" t="s">
        <v>25</v>
      </c>
      <c r="BE3" s="1" t="s">
        <v>25</v>
      </c>
      <c r="BF3" s="1" t="s">
        <v>25</v>
      </c>
      <c r="BG3" s="1" t="s">
        <v>25</v>
      </c>
      <c r="BH3" s="1" t="s">
        <v>25</v>
      </c>
      <c r="BI3" s="1" t="s">
        <v>25</v>
      </c>
      <c r="BJ3" s="1" t="s">
        <v>25</v>
      </c>
      <c r="BK3" s="1" t="s">
        <v>25</v>
      </c>
      <c r="BL3" s="1" t="s">
        <v>25</v>
      </c>
      <c r="BM3" s="1" t="s">
        <v>25</v>
      </c>
      <c r="BN3" s="1" t="s">
        <v>25</v>
      </c>
      <c r="BO3" s="1" t="s">
        <v>623</v>
      </c>
      <c r="BP3" s="1" t="s">
        <v>25</v>
      </c>
      <c r="BQ3" s="1" t="s">
        <v>624</v>
      </c>
      <c r="BR3" s="1" t="s">
        <v>25</v>
      </c>
      <c r="BS3" s="1" t="s">
        <v>25</v>
      </c>
      <c r="BT3" s="1" t="s">
        <v>629</v>
      </c>
      <c r="BU3" s="1" t="s">
        <v>25</v>
      </c>
      <c r="BV3" s="1" t="s">
        <v>25</v>
      </c>
      <c r="BW3" s="1" t="s">
        <v>25</v>
      </c>
      <c r="BX3" s="1" t="s">
        <v>25</v>
      </c>
      <c r="BY3" s="1" t="s">
        <v>25</v>
      </c>
      <c r="BZ3" s="1" t="s">
        <v>25</v>
      </c>
    </row>
    <row r="4" spans="1:78" x14ac:dyDescent="0.15">
      <c r="A4" s="1" t="s">
        <v>26</v>
      </c>
      <c r="B4" s="2">
        <v>0.3576388888888889</v>
      </c>
      <c r="C4" s="1" t="s">
        <v>593</v>
      </c>
      <c r="D4" s="1" t="s">
        <v>27</v>
      </c>
      <c r="E4" s="1" t="s">
        <v>417</v>
      </c>
      <c r="F4" s="1" t="s">
        <v>502</v>
      </c>
      <c r="G4" s="1" t="s">
        <v>396</v>
      </c>
      <c r="H4" s="1" t="s">
        <v>503</v>
      </c>
      <c r="I4" s="1" t="s">
        <v>504</v>
      </c>
      <c r="J4" s="1" t="s">
        <v>420</v>
      </c>
      <c r="K4" s="1" t="s">
        <v>421</v>
      </c>
      <c r="L4" s="1" t="s">
        <v>33</v>
      </c>
      <c r="N4" s="1" t="s">
        <v>422</v>
      </c>
      <c r="O4" s="1" t="s">
        <v>423</v>
      </c>
      <c r="P4" s="1" t="s">
        <v>302</v>
      </c>
      <c r="Q4" s="1" t="s">
        <v>499</v>
      </c>
      <c r="R4" s="1" t="s">
        <v>160</v>
      </c>
      <c r="S4" s="1" t="s">
        <v>76</v>
      </c>
      <c r="T4" s="1" t="s">
        <v>288</v>
      </c>
      <c r="U4" s="1">
        <v>10.8</v>
      </c>
      <c r="V4" s="3">
        <v>4600</v>
      </c>
      <c r="W4" s="1"/>
      <c r="X4" s="1">
        <v>3.3</v>
      </c>
      <c r="Y4" s="1">
        <v>0.12</v>
      </c>
      <c r="Z4" s="1">
        <v>7.0000000000000001E-3</v>
      </c>
      <c r="AA4" s="1" t="s">
        <v>644</v>
      </c>
      <c r="AB4" s="1" t="s">
        <v>669</v>
      </c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>
        <v>0.05</v>
      </c>
      <c r="BC4" s="1">
        <v>2.8</v>
      </c>
      <c r="BD4" s="1">
        <v>2.8</v>
      </c>
      <c r="BE4" s="1"/>
      <c r="BF4" s="1"/>
      <c r="BG4" s="1"/>
      <c r="BH4" s="1"/>
      <c r="BI4" s="1"/>
      <c r="BJ4" s="1"/>
      <c r="BK4" s="1"/>
      <c r="BL4" s="1"/>
      <c r="BM4" s="1">
        <v>7.0000000000000007E-2</v>
      </c>
      <c r="BN4" s="1">
        <v>9.1999999999999998E-2</v>
      </c>
      <c r="BO4" s="1">
        <v>38</v>
      </c>
      <c r="BP4" s="1">
        <v>35</v>
      </c>
      <c r="BQ4" s="1"/>
      <c r="BR4" s="1"/>
      <c r="BS4" s="1"/>
      <c r="BT4" s="1"/>
      <c r="BU4" s="1"/>
      <c r="BV4" s="1"/>
      <c r="BW4" s="1"/>
      <c r="BX4" s="1"/>
      <c r="BY4" s="1"/>
      <c r="BZ4" s="1"/>
    </row>
    <row r="5" spans="1:78" x14ac:dyDescent="0.15">
      <c r="B5" s="2">
        <v>0.85763888888888884</v>
      </c>
      <c r="C5" s="1" t="s">
        <v>593</v>
      </c>
      <c r="D5" s="1" t="s">
        <v>27</v>
      </c>
      <c r="E5" s="1" t="s">
        <v>417</v>
      </c>
      <c r="F5" s="1" t="s">
        <v>425</v>
      </c>
      <c r="G5" s="1" t="s">
        <v>246</v>
      </c>
      <c r="H5" s="1" t="s">
        <v>74</v>
      </c>
      <c r="I5" s="1" t="s">
        <v>505</v>
      </c>
      <c r="J5" s="1" t="s">
        <v>420</v>
      </c>
      <c r="K5" s="1" t="s">
        <v>421</v>
      </c>
      <c r="N5" s="1" t="s">
        <v>422</v>
      </c>
      <c r="P5" s="1" t="s">
        <v>484</v>
      </c>
      <c r="Q5" s="1" t="s">
        <v>499</v>
      </c>
      <c r="R5" s="1" t="s">
        <v>160</v>
      </c>
      <c r="S5" s="1" t="s">
        <v>197</v>
      </c>
      <c r="T5" s="1" t="s">
        <v>38</v>
      </c>
      <c r="U5" s="1">
        <v>7.7</v>
      </c>
      <c r="V5" s="1"/>
      <c r="W5" s="1"/>
      <c r="X5" s="1">
        <v>3.3</v>
      </c>
      <c r="Y5" s="1">
        <v>0.11</v>
      </c>
      <c r="Z5" s="1"/>
      <c r="AA5" s="1" t="s">
        <v>646</v>
      </c>
      <c r="AB5" s="1" t="s">
        <v>646</v>
      </c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>
        <v>41</v>
      </c>
      <c r="BP5" s="1">
        <v>28</v>
      </c>
      <c r="BQ5" s="1"/>
      <c r="BR5" s="1"/>
      <c r="BS5" s="1"/>
      <c r="BT5" s="1"/>
      <c r="BU5" s="1"/>
      <c r="BV5" s="1"/>
      <c r="BW5" s="1"/>
      <c r="BX5" s="1"/>
      <c r="BY5" s="1"/>
      <c r="BZ5" s="1"/>
    </row>
    <row r="6" spans="1:78" x14ac:dyDescent="0.15">
      <c r="A6" s="1" t="s">
        <v>44</v>
      </c>
      <c r="B6" s="2">
        <v>0.3611111111111111</v>
      </c>
      <c r="C6" s="1" t="s">
        <v>593</v>
      </c>
      <c r="D6" s="1" t="s">
        <v>429</v>
      </c>
      <c r="E6" s="1" t="s">
        <v>417</v>
      </c>
      <c r="F6" s="1" t="s">
        <v>254</v>
      </c>
      <c r="G6" s="1" t="s">
        <v>479</v>
      </c>
      <c r="H6" s="1" t="s">
        <v>506</v>
      </c>
      <c r="I6" s="1" t="s">
        <v>507</v>
      </c>
      <c r="J6" s="1" t="s">
        <v>420</v>
      </c>
      <c r="K6" s="1" t="s">
        <v>104</v>
      </c>
      <c r="L6" s="1" t="s">
        <v>33</v>
      </c>
      <c r="N6" s="1" t="s">
        <v>422</v>
      </c>
      <c r="O6" s="1" t="s">
        <v>423</v>
      </c>
      <c r="P6" s="1" t="s">
        <v>302</v>
      </c>
      <c r="Q6" s="1" t="s">
        <v>311</v>
      </c>
      <c r="R6" s="1" t="s">
        <v>180</v>
      </c>
      <c r="S6" s="1" t="s">
        <v>52</v>
      </c>
      <c r="T6" s="1" t="s">
        <v>43</v>
      </c>
      <c r="U6" s="1">
        <v>10.1</v>
      </c>
      <c r="V6" s="3">
        <v>17000</v>
      </c>
      <c r="W6" s="1"/>
      <c r="X6" s="1">
        <v>3.1</v>
      </c>
      <c r="Y6" s="1">
        <v>0.14000000000000001</v>
      </c>
      <c r="Z6" s="1">
        <v>6.0000000000000001E-3</v>
      </c>
      <c r="AA6" s="1" t="s">
        <v>644</v>
      </c>
      <c r="AB6" s="1" t="s">
        <v>656</v>
      </c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  <c r="BB6" s="1">
        <v>0.02</v>
      </c>
      <c r="BC6" s="1">
        <v>2.9</v>
      </c>
      <c r="BD6" s="1">
        <v>2.9</v>
      </c>
      <c r="BE6" s="1"/>
      <c r="BF6" s="1"/>
      <c r="BG6" s="1"/>
      <c r="BH6" s="1"/>
      <c r="BI6" s="1"/>
      <c r="BJ6" s="1"/>
      <c r="BK6" s="1"/>
      <c r="BL6" s="1"/>
      <c r="BM6" s="1">
        <v>0.04</v>
      </c>
      <c r="BN6" s="1">
        <v>0.12</v>
      </c>
      <c r="BO6" s="1">
        <v>29</v>
      </c>
      <c r="BP6" s="1">
        <v>20</v>
      </c>
      <c r="BQ6" s="1"/>
      <c r="BR6" s="1"/>
      <c r="BS6" s="1"/>
      <c r="BT6" s="1"/>
      <c r="BU6" s="1"/>
      <c r="BV6" s="1"/>
      <c r="BW6" s="1"/>
      <c r="BX6" s="1"/>
      <c r="BY6" s="1"/>
      <c r="BZ6" s="1"/>
    </row>
    <row r="7" spans="1:78" x14ac:dyDescent="0.15">
      <c r="B7" s="2">
        <v>0.86111111111111116</v>
      </c>
      <c r="C7" s="1" t="s">
        <v>593</v>
      </c>
      <c r="D7" s="1" t="s">
        <v>27</v>
      </c>
      <c r="E7" s="1" t="s">
        <v>417</v>
      </c>
      <c r="F7" s="1" t="s">
        <v>59</v>
      </c>
      <c r="G7" s="1" t="s">
        <v>433</v>
      </c>
      <c r="H7" s="1" t="s">
        <v>31</v>
      </c>
      <c r="I7" s="1" t="s">
        <v>508</v>
      </c>
      <c r="J7" s="1" t="s">
        <v>420</v>
      </c>
      <c r="K7" s="1" t="s">
        <v>104</v>
      </c>
      <c r="N7" s="1" t="s">
        <v>422</v>
      </c>
      <c r="P7" s="1" t="s">
        <v>484</v>
      </c>
      <c r="Q7" s="1" t="s">
        <v>499</v>
      </c>
      <c r="R7" s="1" t="s">
        <v>92</v>
      </c>
      <c r="S7" s="1" t="s">
        <v>101</v>
      </c>
      <c r="T7" s="1" t="s">
        <v>43</v>
      </c>
      <c r="U7" s="1">
        <v>7.5</v>
      </c>
      <c r="V7" s="1"/>
      <c r="W7" s="1"/>
      <c r="X7" s="1">
        <v>3.1</v>
      </c>
      <c r="Y7" s="1">
        <v>0.16</v>
      </c>
      <c r="Z7" s="1"/>
      <c r="AA7" s="1" t="s">
        <v>646</v>
      </c>
      <c r="AB7" s="1" t="s">
        <v>646</v>
      </c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  <c r="BB7" s="1"/>
      <c r="BC7" s="1"/>
      <c r="BD7" s="1"/>
      <c r="BE7" s="1"/>
      <c r="BF7" s="1"/>
      <c r="BG7" s="1"/>
      <c r="BH7" s="1"/>
      <c r="BI7" s="1"/>
      <c r="BJ7" s="1"/>
      <c r="BK7" s="1"/>
      <c r="BL7" s="1"/>
      <c r="BM7" s="1"/>
      <c r="BN7" s="1"/>
      <c r="BO7" s="1">
        <v>29</v>
      </c>
      <c r="BP7" s="1">
        <v>19</v>
      </c>
      <c r="BQ7" s="1"/>
      <c r="BR7" s="1"/>
      <c r="BS7" s="1"/>
      <c r="BT7" s="1"/>
      <c r="BU7" s="1"/>
      <c r="BV7" s="1"/>
      <c r="BW7" s="1"/>
      <c r="BX7" s="1"/>
      <c r="BY7" s="1"/>
      <c r="BZ7" s="1"/>
    </row>
    <row r="8" spans="1:78" x14ac:dyDescent="0.15">
      <c r="A8" s="1" t="s">
        <v>432</v>
      </c>
      <c r="B8" s="2">
        <v>0.36458333333333331</v>
      </c>
      <c r="C8" s="1" t="s">
        <v>593</v>
      </c>
      <c r="D8" s="1" t="s">
        <v>27</v>
      </c>
      <c r="E8" s="1" t="s">
        <v>417</v>
      </c>
      <c r="F8" s="1" t="s">
        <v>97</v>
      </c>
      <c r="G8" s="1" t="s">
        <v>479</v>
      </c>
      <c r="H8" s="1" t="s">
        <v>49</v>
      </c>
      <c r="I8" s="1" t="s">
        <v>474</v>
      </c>
      <c r="J8" s="1" t="s">
        <v>420</v>
      </c>
      <c r="K8" s="1" t="s">
        <v>421</v>
      </c>
      <c r="L8" s="1" t="s">
        <v>33</v>
      </c>
      <c r="N8" s="1" t="s">
        <v>422</v>
      </c>
      <c r="O8" s="1" t="s">
        <v>423</v>
      </c>
      <c r="P8" s="1" t="s">
        <v>484</v>
      </c>
      <c r="Q8" s="1" t="s">
        <v>499</v>
      </c>
      <c r="R8" s="1" t="s">
        <v>36</v>
      </c>
      <c r="S8" s="1" t="s">
        <v>101</v>
      </c>
      <c r="T8" s="1" t="s">
        <v>43</v>
      </c>
      <c r="U8" s="1">
        <v>9.9</v>
      </c>
      <c r="V8" s="3">
        <v>33000</v>
      </c>
      <c r="W8" s="1"/>
      <c r="X8" s="1">
        <v>2.9</v>
      </c>
      <c r="Y8" s="1">
        <v>0.16</v>
      </c>
      <c r="Z8" s="1">
        <v>6.0000000000000001E-3</v>
      </c>
      <c r="AA8" s="1" t="s">
        <v>644</v>
      </c>
      <c r="AB8" s="1" t="s">
        <v>653</v>
      </c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Q8" s="1"/>
      <c r="AR8" s="1"/>
      <c r="AS8" s="1"/>
      <c r="AT8" s="1"/>
      <c r="AU8" s="1"/>
      <c r="AV8" s="1"/>
      <c r="AW8" s="1"/>
      <c r="AX8" s="1"/>
      <c r="AY8" s="1"/>
      <c r="AZ8" s="1"/>
      <c r="BA8" s="1"/>
      <c r="BB8" s="1">
        <v>0.03</v>
      </c>
      <c r="BC8" s="1">
        <v>2.5</v>
      </c>
      <c r="BD8" s="1">
        <v>2.5</v>
      </c>
      <c r="BE8" s="1"/>
      <c r="BF8" s="1"/>
      <c r="BG8" s="1"/>
      <c r="BH8" s="1"/>
      <c r="BI8" s="1"/>
      <c r="BJ8" s="1"/>
      <c r="BK8" s="1"/>
      <c r="BL8" s="1"/>
      <c r="BM8" s="1">
        <v>0.04</v>
      </c>
      <c r="BN8" s="1">
        <v>0.14000000000000001</v>
      </c>
      <c r="BO8" s="1">
        <v>30</v>
      </c>
      <c r="BP8" s="1">
        <v>19</v>
      </c>
      <c r="BQ8" s="1"/>
      <c r="BR8" s="1"/>
      <c r="BS8" s="1"/>
      <c r="BT8" s="1"/>
      <c r="BU8" s="1"/>
      <c r="BV8" s="1"/>
      <c r="BW8" s="1"/>
      <c r="BX8" s="1"/>
      <c r="BY8" s="1"/>
      <c r="BZ8" s="1"/>
    </row>
    <row r="9" spans="1:78" x14ac:dyDescent="0.15">
      <c r="B9" s="2">
        <v>0.86458333333333337</v>
      </c>
      <c r="C9" s="1" t="s">
        <v>593</v>
      </c>
      <c r="D9" s="1" t="s">
        <v>27</v>
      </c>
      <c r="E9" s="1" t="s">
        <v>417</v>
      </c>
      <c r="F9" s="1" t="s">
        <v>483</v>
      </c>
      <c r="G9" s="1" t="s">
        <v>509</v>
      </c>
      <c r="H9" s="1" t="s">
        <v>74</v>
      </c>
      <c r="I9" s="1" t="s">
        <v>510</v>
      </c>
      <c r="J9" s="1" t="s">
        <v>420</v>
      </c>
      <c r="K9" s="1" t="s">
        <v>421</v>
      </c>
      <c r="N9" s="1" t="s">
        <v>422</v>
      </c>
      <c r="P9" s="1" t="s">
        <v>302</v>
      </c>
      <c r="Q9" s="1" t="s">
        <v>79</v>
      </c>
      <c r="R9" s="1" t="s">
        <v>92</v>
      </c>
      <c r="S9" s="1" t="s">
        <v>372</v>
      </c>
      <c r="T9" s="1" t="s">
        <v>43</v>
      </c>
      <c r="U9" s="1">
        <v>7.3</v>
      </c>
      <c r="V9" s="1"/>
      <c r="W9" s="1"/>
      <c r="X9" s="1">
        <v>3</v>
      </c>
      <c r="Y9" s="1">
        <v>0.18</v>
      </c>
      <c r="Z9" s="1"/>
      <c r="AA9" s="1" t="s">
        <v>646</v>
      </c>
      <c r="AB9" s="1" t="s">
        <v>646</v>
      </c>
      <c r="AC9" s="1"/>
      <c r="AD9" s="1"/>
      <c r="AE9" s="1"/>
      <c r="AF9" s="1"/>
      <c r="AG9" s="1"/>
      <c r="AH9" s="1"/>
      <c r="AI9" s="1"/>
      <c r="AJ9" s="1"/>
      <c r="AK9" s="1"/>
      <c r="AL9" s="1"/>
      <c r="AM9" s="1"/>
      <c r="AN9" s="1"/>
      <c r="AO9" s="1"/>
      <c r="AQ9" s="1"/>
      <c r="AR9" s="1"/>
      <c r="AS9" s="1"/>
      <c r="AT9" s="1"/>
      <c r="AU9" s="1"/>
      <c r="AV9" s="1"/>
      <c r="AW9" s="1"/>
      <c r="AX9" s="1"/>
      <c r="AY9" s="1"/>
      <c r="AZ9" s="1"/>
      <c r="BA9" s="1"/>
      <c r="BB9" s="1"/>
      <c r="BC9" s="1"/>
      <c r="BD9" s="1"/>
      <c r="BE9" s="1"/>
      <c r="BF9" s="1"/>
      <c r="BG9" s="1"/>
      <c r="BH9" s="1"/>
      <c r="BI9" s="1"/>
      <c r="BJ9" s="1"/>
      <c r="BK9" s="1"/>
      <c r="BL9" s="1"/>
      <c r="BM9" s="1"/>
      <c r="BN9" s="1"/>
      <c r="BO9" s="1">
        <v>30</v>
      </c>
      <c r="BP9" s="1">
        <v>19</v>
      </c>
      <c r="BQ9" s="1"/>
      <c r="BR9" s="1"/>
      <c r="BS9" s="1"/>
      <c r="BT9" s="1"/>
      <c r="BU9" s="1"/>
      <c r="BV9" s="1"/>
      <c r="BW9" s="1"/>
      <c r="BX9" s="1"/>
      <c r="BY9" s="1"/>
      <c r="BZ9" s="1"/>
    </row>
    <row r="10" spans="1:78" x14ac:dyDescent="0.15">
      <c r="A10" s="1" t="s">
        <v>70</v>
      </c>
      <c r="B10" s="2">
        <v>0.3576388888888889</v>
      </c>
      <c r="C10" s="1" t="s">
        <v>593</v>
      </c>
      <c r="D10" s="1" t="s">
        <v>27</v>
      </c>
      <c r="E10" s="1" t="s">
        <v>417</v>
      </c>
      <c r="F10" s="1" t="s">
        <v>511</v>
      </c>
      <c r="G10" s="1" t="s">
        <v>380</v>
      </c>
      <c r="H10" s="1" t="s">
        <v>61</v>
      </c>
      <c r="I10" s="1" t="s">
        <v>256</v>
      </c>
      <c r="J10" s="1" t="s">
        <v>420</v>
      </c>
      <c r="K10" s="1" t="s">
        <v>421</v>
      </c>
      <c r="L10" s="1" t="s">
        <v>33</v>
      </c>
      <c r="N10" s="1" t="s">
        <v>422</v>
      </c>
      <c r="O10" s="1" t="s">
        <v>423</v>
      </c>
      <c r="P10" s="1" t="s">
        <v>302</v>
      </c>
      <c r="Q10" s="1" t="s">
        <v>494</v>
      </c>
      <c r="R10" s="1" t="s">
        <v>68</v>
      </c>
      <c r="S10" s="1" t="s">
        <v>197</v>
      </c>
      <c r="T10" s="1" t="s">
        <v>288</v>
      </c>
      <c r="U10" s="1">
        <v>13.4</v>
      </c>
      <c r="V10" s="3">
        <v>13000</v>
      </c>
      <c r="W10" s="1"/>
      <c r="X10" s="1">
        <v>2.4</v>
      </c>
      <c r="Y10" s="1">
        <v>0.06</v>
      </c>
      <c r="Z10" s="1">
        <v>6.0000000000000001E-3</v>
      </c>
      <c r="AA10" s="1" t="s">
        <v>644</v>
      </c>
      <c r="AB10" s="1" t="s">
        <v>649</v>
      </c>
      <c r="AC10" s="1"/>
      <c r="AD10" s="1"/>
      <c r="AE10" s="1"/>
      <c r="AF10" s="1"/>
      <c r="AG10" s="1"/>
      <c r="AH10" s="1"/>
      <c r="AI10" s="1"/>
      <c r="AJ10" s="1"/>
      <c r="AK10" s="1"/>
      <c r="AL10" s="1"/>
      <c r="AM10" s="1"/>
      <c r="AN10" s="1"/>
      <c r="AO10" s="1"/>
      <c r="AQ10" s="1"/>
      <c r="AR10" s="1"/>
      <c r="AS10" s="1"/>
      <c r="AT10" s="1"/>
      <c r="AU10" s="1" t="s">
        <v>613</v>
      </c>
      <c r="AV10" s="1" t="s">
        <v>606</v>
      </c>
      <c r="AW10" s="1" t="s">
        <v>606</v>
      </c>
      <c r="AX10" s="1"/>
      <c r="AY10" s="1"/>
      <c r="AZ10" s="1"/>
      <c r="BA10" s="1"/>
      <c r="BB10" s="1">
        <v>0.05</v>
      </c>
      <c r="BC10" s="1">
        <v>1.9</v>
      </c>
      <c r="BD10" s="1">
        <v>1.9</v>
      </c>
      <c r="BE10" s="1"/>
      <c r="BF10" s="1"/>
      <c r="BG10" s="1"/>
      <c r="BH10" s="1"/>
      <c r="BI10" s="1"/>
      <c r="BJ10" s="1"/>
      <c r="BK10" s="1"/>
      <c r="BL10" s="1"/>
      <c r="BM10" s="1">
        <v>0.06</v>
      </c>
      <c r="BN10" s="1">
        <v>3.4000000000000002E-2</v>
      </c>
      <c r="BO10" s="1">
        <v>35</v>
      </c>
      <c r="BP10" s="1">
        <v>28</v>
      </c>
      <c r="BQ10" s="1"/>
      <c r="BR10" s="1"/>
      <c r="BS10" s="1"/>
      <c r="BT10" s="1"/>
      <c r="BU10" s="1"/>
      <c r="BV10" s="1"/>
      <c r="BW10" s="1"/>
      <c r="BX10" s="1"/>
      <c r="BY10" s="1"/>
      <c r="BZ10" s="1"/>
    </row>
    <row r="11" spans="1:78" x14ac:dyDescent="0.15">
      <c r="B11" s="2">
        <v>0.85763888888888884</v>
      </c>
      <c r="C11" s="1" t="s">
        <v>593</v>
      </c>
      <c r="D11" s="1" t="s">
        <v>27</v>
      </c>
      <c r="E11" s="1" t="s">
        <v>417</v>
      </c>
      <c r="F11" s="1" t="s">
        <v>512</v>
      </c>
      <c r="G11" s="1" t="s">
        <v>513</v>
      </c>
      <c r="H11" s="1" t="s">
        <v>61</v>
      </c>
      <c r="I11" s="1" t="s">
        <v>375</v>
      </c>
      <c r="J11" s="1" t="s">
        <v>420</v>
      </c>
      <c r="K11" s="1" t="s">
        <v>421</v>
      </c>
      <c r="N11" s="1" t="s">
        <v>422</v>
      </c>
      <c r="P11" s="1" t="s">
        <v>302</v>
      </c>
      <c r="Q11" s="1" t="s">
        <v>217</v>
      </c>
      <c r="R11" s="1" t="s">
        <v>407</v>
      </c>
      <c r="S11" s="1" t="s">
        <v>143</v>
      </c>
      <c r="T11" s="1" t="s">
        <v>166</v>
      </c>
      <c r="U11" s="1">
        <v>5.4</v>
      </c>
      <c r="V11" s="1"/>
      <c r="W11" s="1"/>
      <c r="X11" s="1">
        <v>2.2999999999999998</v>
      </c>
      <c r="Y11" s="1">
        <v>5.7000000000000002E-2</v>
      </c>
      <c r="Z11" s="1"/>
      <c r="AA11" s="1" t="s">
        <v>646</v>
      </c>
      <c r="AB11" s="1" t="s">
        <v>646</v>
      </c>
      <c r="AC11" s="1"/>
      <c r="AD11" s="1"/>
      <c r="AE11" s="1"/>
      <c r="AF11" s="1"/>
      <c r="AG11" s="1"/>
      <c r="AH11" s="1"/>
      <c r="AI11" s="1"/>
      <c r="AJ11" s="1"/>
      <c r="AK11" s="1"/>
      <c r="AL11" s="1"/>
      <c r="AM11" s="1"/>
      <c r="AN11" s="1"/>
      <c r="AO11" s="1"/>
      <c r="AQ11" s="1"/>
      <c r="AR11" s="1"/>
      <c r="AS11" s="1"/>
      <c r="AT11" s="1"/>
      <c r="AU11" s="1"/>
      <c r="AV11" s="1"/>
      <c r="AW11" s="1"/>
      <c r="AX11" s="1"/>
      <c r="AY11" s="1"/>
      <c r="AZ11" s="1"/>
      <c r="BA11" s="1"/>
      <c r="BB11" s="1"/>
      <c r="BC11" s="1"/>
      <c r="BD11" s="1"/>
      <c r="BE11" s="1"/>
      <c r="BF11" s="1"/>
      <c r="BG11" s="1"/>
      <c r="BH11" s="1"/>
      <c r="BI11" s="1"/>
      <c r="BJ11" s="1"/>
      <c r="BK11" s="1"/>
      <c r="BL11" s="1"/>
      <c r="BM11" s="1"/>
      <c r="BN11" s="1"/>
      <c r="BO11" s="1">
        <v>32</v>
      </c>
      <c r="BP11" s="1">
        <v>25</v>
      </c>
      <c r="BQ11" s="1"/>
      <c r="BR11" s="1"/>
      <c r="BS11" s="1"/>
      <c r="BT11" s="1"/>
      <c r="BU11" s="1"/>
      <c r="BV11" s="1"/>
      <c r="BW11" s="1"/>
      <c r="BX11" s="1"/>
      <c r="BY11" s="1"/>
      <c r="BZ11" s="1"/>
    </row>
    <row r="12" spans="1:78" x14ac:dyDescent="0.15">
      <c r="A12" s="1" t="s">
        <v>439</v>
      </c>
      <c r="B12" s="2">
        <v>0.37847222222222227</v>
      </c>
      <c r="C12" s="1" t="s">
        <v>593</v>
      </c>
      <c r="D12" s="1" t="s">
        <v>45</v>
      </c>
      <c r="E12" s="1" t="s">
        <v>417</v>
      </c>
      <c r="F12" s="1" t="s">
        <v>514</v>
      </c>
      <c r="G12" s="1" t="s">
        <v>335</v>
      </c>
      <c r="H12" s="1" t="s">
        <v>227</v>
      </c>
      <c r="I12" s="1" t="s">
        <v>507</v>
      </c>
      <c r="J12" s="1" t="s">
        <v>420</v>
      </c>
      <c r="K12" s="1" t="s">
        <v>515</v>
      </c>
      <c r="L12" s="1" t="s">
        <v>33</v>
      </c>
      <c r="N12" s="1" t="s">
        <v>422</v>
      </c>
      <c r="O12" s="1" t="s">
        <v>423</v>
      </c>
      <c r="P12" s="1" t="s">
        <v>484</v>
      </c>
      <c r="Q12" s="1" t="s">
        <v>299</v>
      </c>
      <c r="R12" s="1" t="s">
        <v>424</v>
      </c>
      <c r="S12" s="1" t="s">
        <v>315</v>
      </c>
      <c r="T12" s="1" t="s">
        <v>166</v>
      </c>
      <c r="U12" s="1">
        <v>10</v>
      </c>
      <c r="V12" s="3">
        <v>7000</v>
      </c>
      <c r="W12" s="1" t="s">
        <v>611</v>
      </c>
      <c r="X12" s="1">
        <v>2</v>
      </c>
      <c r="Y12" s="1">
        <v>0.12</v>
      </c>
      <c r="Z12" s="1">
        <v>8.0000000000000002E-3</v>
      </c>
      <c r="AA12" s="1" t="s">
        <v>644</v>
      </c>
      <c r="AB12" s="1" t="s">
        <v>670</v>
      </c>
      <c r="AC12" s="1" t="s">
        <v>606</v>
      </c>
      <c r="AD12" s="1" t="s">
        <v>607</v>
      </c>
      <c r="AE12" s="1" t="s">
        <v>609</v>
      </c>
      <c r="AF12" s="1" t="s">
        <v>612</v>
      </c>
      <c r="AG12" s="1" t="s">
        <v>609</v>
      </c>
      <c r="AH12" s="1" t="s">
        <v>613</v>
      </c>
      <c r="AI12" s="1"/>
      <c r="AJ12" s="1" t="s">
        <v>613</v>
      </c>
      <c r="AK12" s="1" t="s">
        <v>614</v>
      </c>
      <c r="AL12" s="1" t="s">
        <v>614</v>
      </c>
      <c r="AM12" s="1" t="s">
        <v>614</v>
      </c>
      <c r="AN12" s="1" t="s">
        <v>614</v>
      </c>
      <c r="AO12" s="1" t="s">
        <v>614</v>
      </c>
      <c r="AP12" t="s">
        <v>614</v>
      </c>
      <c r="AQ12" s="1" t="s">
        <v>614</v>
      </c>
      <c r="AR12" s="1" t="s">
        <v>614</v>
      </c>
      <c r="AS12" s="1" t="s">
        <v>614</v>
      </c>
      <c r="AT12" s="1" t="s">
        <v>610</v>
      </c>
      <c r="AU12" s="1"/>
      <c r="AV12" s="1"/>
      <c r="AW12" s="1"/>
      <c r="AX12" s="1" t="s">
        <v>614</v>
      </c>
      <c r="AY12" s="1" t="s">
        <v>620</v>
      </c>
      <c r="AZ12" s="1" t="s">
        <v>621</v>
      </c>
      <c r="BA12" s="1">
        <v>0.02</v>
      </c>
      <c r="BB12" s="1">
        <v>0.01</v>
      </c>
      <c r="BC12" s="1">
        <v>1.6</v>
      </c>
      <c r="BD12" s="1">
        <v>1.6</v>
      </c>
      <c r="BE12" s="1" t="s">
        <v>609</v>
      </c>
      <c r="BF12" s="1" t="s">
        <v>609</v>
      </c>
      <c r="BG12" s="1" t="s">
        <v>619</v>
      </c>
      <c r="BH12" s="1">
        <v>0.04</v>
      </c>
      <c r="BI12" s="1" t="s">
        <v>607</v>
      </c>
      <c r="BJ12" s="1" t="s">
        <v>612</v>
      </c>
      <c r="BK12" s="1" t="s">
        <v>613</v>
      </c>
      <c r="BL12" s="1" t="s">
        <v>626</v>
      </c>
      <c r="BM12" s="1" t="s">
        <v>625</v>
      </c>
      <c r="BN12" s="1">
        <v>9.8000000000000004E-2</v>
      </c>
      <c r="BO12" s="1">
        <v>22</v>
      </c>
      <c r="BP12" s="1">
        <v>14</v>
      </c>
      <c r="BQ12" s="1"/>
      <c r="BR12" s="1" t="s">
        <v>627</v>
      </c>
      <c r="BS12" s="1" t="s">
        <v>609</v>
      </c>
      <c r="BT12" s="1"/>
      <c r="BU12" s="1"/>
      <c r="BV12" s="1"/>
      <c r="BW12" s="1"/>
      <c r="BX12" s="1"/>
      <c r="BY12" s="1"/>
      <c r="BZ12" s="1"/>
    </row>
    <row r="13" spans="1:78" x14ac:dyDescent="0.15">
      <c r="B13" s="2">
        <v>0.87847222222222221</v>
      </c>
      <c r="C13" s="1" t="s">
        <v>593</v>
      </c>
      <c r="D13" s="1" t="s">
        <v>27</v>
      </c>
      <c r="E13" s="1" t="s">
        <v>417</v>
      </c>
      <c r="F13" s="1" t="s">
        <v>516</v>
      </c>
      <c r="G13" s="1" t="s">
        <v>376</v>
      </c>
      <c r="H13" s="1" t="s">
        <v>31</v>
      </c>
      <c r="I13" s="1" t="s">
        <v>437</v>
      </c>
      <c r="J13" s="1" t="s">
        <v>420</v>
      </c>
      <c r="K13" s="1" t="s">
        <v>515</v>
      </c>
      <c r="N13" s="1" t="s">
        <v>422</v>
      </c>
      <c r="P13" s="1" t="s">
        <v>302</v>
      </c>
      <c r="Q13" s="1" t="s">
        <v>299</v>
      </c>
      <c r="R13" s="1" t="s">
        <v>62</v>
      </c>
      <c r="S13" s="1" t="s">
        <v>101</v>
      </c>
      <c r="T13" s="1" t="s">
        <v>166</v>
      </c>
      <c r="U13" s="1">
        <v>7.1</v>
      </c>
      <c r="V13" s="1"/>
      <c r="W13" s="1"/>
      <c r="X13" s="1">
        <v>2.1</v>
      </c>
      <c r="Y13" s="1">
        <v>0.12</v>
      </c>
      <c r="Z13" s="1"/>
      <c r="AA13" s="1" t="s">
        <v>646</v>
      </c>
      <c r="AB13" s="1" t="s">
        <v>646</v>
      </c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  <c r="BB13" s="1"/>
      <c r="BC13" s="1"/>
      <c r="BD13" s="1"/>
      <c r="BE13" s="1"/>
      <c r="BF13" s="1"/>
      <c r="BG13" s="1"/>
      <c r="BH13" s="1"/>
      <c r="BI13" s="1"/>
      <c r="BJ13" s="1"/>
      <c r="BK13" s="1"/>
      <c r="BL13" s="1"/>
      <c r="BM13" s="1"/>
      <c r="BN13" s="1"/>
      <c r="BO13" s="1">
        <v>23</v>
      </c>
      <c r="BP13" s="1">
        <v>14</v>
      </c>
      <c r="BQ13" s="1"/>
      <c r="BR13" s="1"/>
      <c r="BS13" s="1"/>
      <c r="BT13" s="1"/>
      <c r="BU13" s="1"/>
      <c r="BV13" s="1"/>
      <c r="BW13" s="1"/>
      <c r="BX13" s="1"/>
      <c r="BY13" s="1"/>
      <c r="BZ13" s="1"/>
    </row>
    <row r="14" spans="1:78" x14ac:dyDescent="0.15">
      <c r="A14" s="1" t="s">
        <v>95</v>
      </c>
      <c r="B14" s="2">
        <v>0.36805555555555558</v>
      </c>
      <c r="C14" s="1" t="s">
        <v>593</v>
      </c>
      <c r="D14" s="1" t="s">
        <v>27</v>
      </c>
      <c r="E14" s="1" t="s">
        <v>599</v>
      </c>
      <c r="F14" s="1" t="s">
        <v>517</v>
      </c>
      <c r="G14" s="1" t="s">
        <v>518</v>
      </c>
      <c r="H14" s="1" t="s">
        <v>99</v>
      </c>
      <c r="I14" s="1" t="s">
        <v>375</v>
      </c>
      <c r="J14" s="1" t="s">
        <v>420</v>
      </c>
      <c r="K14" s="1" t="s">
        <v>421</v>
      </c>
      <c r="L14" s="1" t="s">
        <v>33</v>
      </c>
      <c r="N14" s="1" t="s">
        <v>422</v>
      </c>
      <c r="O14" s="1" t="s">
        <v>423</v>
      </c>
      <c r="P14" s="1" t="s">
        <v>519</v>
      </c>
      <c r="Q14" s="1" t="s">
        <v>79</v>
      </c>
      <c r="R14" s="1" t="s">
        <v>62</v>
      </c>
      <c r="S14" s="1" t="s">
        <v>304</v>
      </c>
      <c r="T14" s="1" t="s">
        <v>38</v>
      </c>
      <c r="U14" s="1">
        <v>9.1</v>
      </c>
      <c r="V14" s="3">
        <v>17000</v>
      </c>
      <c r="W14" s="1"/>
      <c r="X14" s="1">
        <v>2.7</v>
      </c>
      <c r="Y14" s="1">
        <v>3.2000000000000001E-2</v>
      </c>
      <c r="Z14" s="1">
        <v>5.0000000000000001E-3</v>
      </c>
      <c r="AA14" s="1" t="s">
        <v>644</v>
      </c>
      <c r="AB14" s="1" t="s">
        <v>665</v>
      </c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  <c r="BB14" s="1">
        <v>0.01</v>
      </c>
      <c r="BC14" s="1">
        <v>2.5</v>
      </c>
      <c r="BD14" s="1">
        <v>2.5</v>
      </c>
      <c r="BE14" s="1"/>
      <c r="BF14" s="1"/>
      <c r="BG14" s="1"/>
      <c r="BH14" s="1"/>
      <c r="BI14" s="1"/>
      <c r="BJ14" s="1"/>
      <c r="BK14" s="1"/>
      <c r="BL14" s="1"/>
      <c r="BM14" s="1" t="s">
        <v>625</v>
      </c>
      <c r="BN14" s="1">
        <v>2.5999999999999999E-2</v>
      </c>
      <c r="BO14" s="1">
        <v>34</v>
      </c>
      <c r="BP14" s="1">
        <v>20</v>
      </c>
      <c r="BQ14" s="1"/>
      <c r="BR14" s="1"/>
      <c r="BS14" s="1"/>
      <c r="BT14" s="1"/>
      <c r="BU14" s="1"/>
      <c r="BV14" s="1"/>
      <c r="BW14" s="1"/>
      <c r="BX14" s="1"/>
      <c r="BY14" s="1"/>
      <c r="BZ14" s="1"/>
    </row>
    <row r="15" spans="1:78" x14ac:dyDescent="0.15">
      <c r="A15" s="1" t="s">
        <v>450</v>
      </c>
      <c r="B15" s="2">
        <v>0.37152777777777773</v>
      </c>
      <c r="C15" s="1" t="s">
        <v>593</v>
      </c>
      <c r="D15" s="1" t="s">
        <v>45</v>
      </c>
      <c r="E15" s="1" t="s">
        <v>417</v>
      </c>
      <c r="F15" s="1" t="s">
        <v>517</v>
      </c>
      <c r="G15" s="1" t="s">
        <v>520</v>
      </c>
      <c r="H15" s="1" t="s">
        <v>521</v>
      </c>
      <c r="I15" s="1" t="s">
        <v>522</v>
      </c>
      <c r="J15" s="1" t="s">
        <v>420</v>
      </c>
      <c r="K15" s="1" t="s">
        <v>104</v>
      </c>
      <c r="L15" s="1" t="s">
        <v>33</v>
      </c>
      <c r="N15" s="1" t="s">
        <v>422</v>
      </c>
      <c r="O15" s="1" t="s">
        <v>423</v>
      </c>
      <c r="P15" s="1" t="s">
        <v>484</v>
      </c>
      <c r="Q15" s="1" t="s">
        <v>79</v>
      </c>
      <c r="R15" s="1" t="s">
        <v>180</v>
      </c>
      <c r="S15" s="1" t="s">
        <v>523</v>
      </c>
      <c r="T15" s="1" t="s">
        <v>38</v>
      </c>
      <c r="U15" s="1">
        <v>9.3000000000000007</v>
      </c>
      <c r="V15" s="3">
        <v>49000</v>
      </c>
      <c r="W15" s="1"/>
      <c r="X15" s="1">
        <v>3.2</v>
      </c>
      <c r="Y15" s="1">
        <v>3.5999999999999997E-2</v>
      </c>
      <c r="Z15" s="1">
        <v>5.0000000000000001E-3</v>
      </c>
      <c r="AA15" s="1" t="s">
        <v>644</v>
      </c>
      <c r="AB15" s="1" t="s">
        <v>671</v>
      </c>
      <c r="AC15" s="1"/>
      <c r="AD15" s="1"/>
      <c r="AE15" s="1"/>
      <c r="AF15" s="1"/>
      <c r="AG15" s="1"/>
      <c r="AH15" s="1"/>
      <c r="AI15" s="1"/>
      <c r="AJ15" s="1"/>
      <c r="AK15" s="1"/>
      <c r="AL15" s="1"/>
      <c r="AM15" s="1"/>
      <c r="AN15" s="1"/>
      <c r="AO15" s="1"/>
      <c r="AQ15" s="1"/>
      <c r="AR15" s="1"/>
      <c r="AS15" s="1"/>
      <c r="AT15" s="1"/>
      <c r="AU15" s="1" t="s">
        <v>613</v>
      </c>
      <c r="AV15" s="1" t="s">
        <v>606</v>
      </c>
      <c r="AW15" s="1" t="s">
        <v>606</v>
      </c>
      <c r="AX15" s="1"/>
      <c r="AY15" s="1"/>
      <c r="AZ15" s="1"/>
      <c r="BA15" s="1"/>
      <c r="BB15" s="1">
        <v>0.04</v>
      </c>
      <c r="BC15" s="1">
        <v>3</v>
      </c>
      <c r="BD15" s="1">
        <v>3</v>
      </c>
      <c r="BE15" s="1"/>
      <c r="BF15" s="1"/>
      <c r="BG15" s="1"/>
      <c r="BH15" s="1"/>
      <c r="BI15" s="1"/>
      <c r="BJ15" s="1"/>
      <c r="BK15" s="1"/>
      <c r="BL15" s="1"/>
      <c r="BM15" s="1">
        <v>0.04</v>
      </c>
      <c r="BN15" s="1">
        <v>2.4E-2</v>
      </c>
      <c r="BO15" s="1">
        <v>35</v>
      </c>
      <c r="BP15" s="1">
        <v>19</v>
      </c>
      <c r="BQ15" s="1"/>
      <c r="BR15" s="1"/>
      <c r="BS15" s="1"/>
      <c r="BT15" s="1"/>
      <c r="BU15" s="1"/>
      <c r="BV15" s="1"/>
      <c r="BW15" s="1"/>
      <c r="BX15" s="1"/>
      <c r="BY15" s="1"/>
      <c r="BZ15" s="1"/>
    </row>
    <row r="16" spans="1:78" x14ac:dyDescent="0.15">
      <c r="B16" s="2">
        <v>0.87152777777777779</v>
      </c>
      <c r="C16" s="1" t="s">
        <v>593</v>
      </c>
      <c r="D16" s="1" t="s">
        <v>27</v>
      </c>
      <c r="E16" s="1" t="s">
        <v>417</v>
      </c>
      <c r="F16" s="1" t="s">
        <v>218</v>
      </c>
      <c r="G16" s="1" t="s">
        <v>258</v>
      </c>
      <c r="H16" s="1" t="s">
        <v>140</v>
      </c>
      <c r="I16" s="1" t="s">
        <v>524</v>
      </c>
      <c r="J16" s="1" t="s">
        <v>420</v>
      </c>
      <c r="K16" s="1" t="s">
        <v>104</v>
      </c>
      <c r="N16" s="1" t="s">
        <v>422</v>
      </c>
      <c r="P16" s="1" t="s">
        <v>484</v>
      </c>
      <c r="Q16" s="1" t="s">
        <v>86</v>
      </c>
      <c r="R16" s="1" t="s">
        <v>123</v>
      </c>
      <c r="S16" s="1" t="s">
        <v>229</v>
      </c>
      <c r="T16" s="1" t="s">
        <v>166</v>
      </c>
      <c r="U16" s="1">
        <v>7</v>
      </c>
      <c r="V16" s="1"/>
      <c r="W16" s="1"/>
      <c r="X16" s="1">
        <v>3.3</v>
      </c>
      <c r="Y16" s="1">
        <v>5.8999999999999997E-2</v>
      </c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  <c r="AL16" s="1"/>
      <c r="AM16" s="1"/>
      <c r="AN16" s="1"/>
      <c r="AO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  <c r="BB16" s="1"/>
      <c r="BC16" s="1"/>
      <c r="BD16" s="1"/>
      <c r="BE16" s="1"/>
      <c r="BF16" s="1"/>
      <c r="BG16" s="1"/>
      <c r="BH16" s="1"/>
      <c r="BI16" s="1"/>
      <c r="BJ16" s="1"/>
      <c r="BK16" s="1"/>
      <c r="BL16" s="1"/>
      <c r="BM16" s="1"/>
      <c r="BN16" s="1"/>
      <c r="BO16" s="1">
        <v>36</v>
      </c>
      <c r="BP16" s="1">
        <v>22</v>
      </c>
      <c r="BQ16" s="1"/>
      <c r="BR16" s="1"/>
      <c r="BS16" s="1"/>
      <c r="BT16" s="1"/>
      <c r="BU16" s="1"/>
      <c r="BV16" s="1"/>
      <c r="BW16" s="1"/>
      <c r="BX16" s="1"/>
      <c r="BY16" s="1"/>
      <c r="BZ16" s="1"/>
    </row>
    <row r="17" spans="1:78" x14ac:dyDescent="0.15">
      <c r="A17" s="1" t="s">
        <v>117</v>
      </c>
      <c r="B17" s="2">
        <v>0.3611111111111111</v>
      </c>
      <c r="C17" s="1" t="s">
        <v>593</v>
      </c>
      <c r="D17" s="1" t="s">
        <v>45</v>
      </c>
      <c r="E17" s="1" t="s">
        <v>599</v>
      </c>
      <c r="F17" s="1" t="s">
        <v>525</v>
      </c>
      <c r="G17" s="1" t="s">
        <v>526</v>
      </c>
      <c r="H17" s="1" t="s">
        <v>99</v>
      </c>
      <c r="I17" s="1" t="s">
        <v>375</v>
      </c>
      <c r="J17" s="1" t="s">
        <v>420</v>
      </c>
      <c r="K17" s="1" t="s">
        <v>421</v>
      </c>
      <c r="L17" s="1" t="s">
        <v>33</v>
      </c>
      <c r="N17" s="1" t="s">
        <v>422</v>
      </c>
      <c r="O17" s="1" t="s">
        <v>423</v>
      </c>
      <c r="P17" s="1" t="s">
        <v>484</v>
      </c>
      <c r="Q17" s="1" t="s">
        <v>499</v>
      </c>
      <c r="R17" s="1" t="s">
        <v>123</v>
      </c>
      <c r="S17" s="1" t="s">
        <v>113</v>
      </c>
      <c r="T17" s="1" t="s">
        <v>64</v>
      </c>
      <c r="U17" s="1">
        <v>10.3</v>
      </c>
      <c r="V17" s="3">
        <v>17000</v>
      </c>
      <c r="W17" s="1"/>
      <c r="X17" s="1">
        <v>3</v>
      </c>
      <c r="Y17" s="1">
        <v>8.8999999999999996E-2</v>
      </c>
      <c r="Z17" s="1">
        <v>4.0000000000000001E-3</v>
      </c>
      <c r="AA17" s="1" t="s">
        <v>644</v>
      </c>
      <c r="AB17" s="1" t="s">
        <v>660</v>
      </c>
      <c r="AC17" s="1"/>
      <c r="AD17" s="1"/>
      <c r="AE17" s="1"/>
      <c r="AF17" s="1"/>
      <c r="AG17" s="1"/>
      <c r="AH17" s="1"/>
      <c r="AI17" s="1"/>
      <c r="AJ17" s="1"/>
      <c r="AK17" s="1"/>
      <c r="AL17" s="1"/>
      <c r="AM17" s="1"/>
      <c r="AN17" s="1"/>
      <c r="AO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  <c r="BB17" s="1">
        <v>0.03</v>
      </c>
      <c r="BC17" s="1">
        <v>2.7</v>
      </c>
      <c r="BD17" s="1">
        <v>2.7</v>
      </c>
      <c r="BE17" s="1"/>
      <c r="BF17" s="1"/>
      <c r="BG17" s="1"/>
      <c r="BH17" s="1"/>
      <c r="BI17" s="1"/>
      <c r="BJ17" s="1"/>
      <c r="BK17" s="1"/>
      <c r="BL17" s="1"/>
      <c r="BM17" s="1" t="s">
        <v>625</v>
      </c>
      <c r="BN17" s="1">
        <v>7.6999999999999999E-2</v>
      </c>
      <c r="BO17" s="1">
        <v>35</v>
      </c>
      <c r="BP17" s="1">
        <v>25</v>
      </c>
      <c r="BQ17" s="1"/>
      <c r="BR17" s="1"/>
      <c r="BS17" s="1"/>
      <c r="BT17" s="1"/>
      <c r="BU17" s="1"/>
      <c r="BV17" s="1"/>
      <c r="BW17" s="1"/>
      <c r="BX17" s="1"/>
      <c r="BY17" s="1"/>
      <c r="BZ17" s="1"/>
    </row>
    <row r="18" spans="1:78" x14ac:dyDescent="0.15">
      <c r="B18" s="2">
        <v>0.86111111111111116</v>
      </c>
      <c r="C18" s="1" t="s">
        <v>593</v>
      </c>
      <c r="D18" s="1" t="s">
        <v>45</v>
      </c>
      <c r="E18" s="1" t="s">
        <v>599</v>
      </c>
      <c r="F18" s="1" t="s">
        <v>399</v>
      </c>
      <c r="G18" s="1" t="s">
        <v>527</v>
      </c>
      <c r="H18" s="1" t="s">
        <v>145</v>
      </c>
      <c r="I18" s="1" t="s">
        <v>375</v>
      </c>
      <c r="J18" s="1" t="s">
        <v>420</v>
      </c>
      <c r="K18" s="1" t="s">
        <v>421</v>
      </c>
      <c r="N18" s="1" t="s">
        <v>422</v>
      </c>
      <c r="P18" s="1" t="s">
        <v>484</v>
      </c>
      <c r="Q18" s="1" t="s">
        <v>94</v>
      </c>
      <c r="R18" s="1" t="s">
        <v>62</v>
      </c>
      <c r="S18" s="1" t="s">
        <v>52</v>
      </c>
      <c r="T18" s="1" t="s">
        <v>38</v>
      </c>
      <c r="U18" s="1">
        <v>8.3000000000000007</v>
      </c>
      <c r="V18" s="1"/>
      <c r="W18" s="1"/>
      <c r="X18" s="1">
        <v>3.1</v>
      </c>
      <c r="Y18" s="1">
        <v>8.8999999999999996E-2</v>
      </c>
      <c r="Z18" s="1"/>
      <c r="AA18" s="1" t="s">
        <v>646</v>
      </c>
      <c r="AB18" s="1" t="s">
        <v>646</v>
      </c>
      <c r="AC18" s="1"/>
      <c r="AD18" s="1"/>
      <c r="AE18" s="1"/>
      <c r="AF18" s="1"/>
      <c r="AG18" s="1"/>
      <c r="AH18" s="1"/>
      <c r="AI18" s="1"/>
      <c r="AJ18" s="1"/>
      <c r="AK18" s="1"/>
      <c r="AL18" s="1"/>
      <c r="AM18" s="1"/>
      <c r="AN18" s="1"/>
      <c r="AO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  <c r="BB18" s="1"/>
      <c r="BC18" s="1"/>
      <c r="BD18" s="1"/>
      <c r="BE18" s="1"/>
      <c r="BF18" s="1"/>
      <c r="BG18" s="1"/>
      <c r="BH18" s="1"/>
      <c r="BI18" s="1"/>
      <c r="BJ18" s="1"/>
      <c r="BK18" s="1"/>
      <c r="BL18" s="1"/>
      <c r="BM18" s="1"/>
      <c r="BN18" s="1"/>
      <c r="BO18" s="1">
        <v>36</v>
      </c>
      <c r="BP18" s="1">
        <v>26</v>
      </c>
      <c r="BQ18" s="1"/>
      <c r="BR18" s="1"/>
      <c r="BS18" s="1"/>
      <c r="BT18" s="1"/>
      <c r="BU18" s="1"/>
      <c r="BV18" s="1"/>
      <c r="BW18" s="1"/>
      <c r="BX18" s="1"/>
      <c r="BY18" s="1"/>
      <c r="BZ18" s="1"/>
    </row>
    <row r="19" spans="1:78" x14ac:dyDescent="0.15">
      <c r="A19" s="1" t="s">
        <v>458</v>
      </c>
      <c r="B19" s="2">
        <v>0.36805555555555558</v>
      </c>
      <c r="C19" s="1" t="s">
        <v>593</v>
      </c>
      <c r="D19" s="1" t="s">
        <v>45</v>
      </c>
      <c r="E19" s="1" t="s">
        <v>417</v>
      </c>
      <c r="F19" s="1" t="s">
        <v>325</v>
      </c>
      <c r="G19" s="1" t="s">
        <v>492</v>
      </c>
      <c r="H19" s="1" t="s">
        <v>268</v>
      </c>
      <c r="I19" s="1" t="s">
        <v>74</v>
      </c>
      <c r="J19" s="1" t="s">
        <v>420</v>
      </c>
      <c r="K19" s="1" t="s">
        <v>421</v>
      </c>
      <c r="L19" s="1" t="s">
        <v>33</v>
      </c>
      <c r="N19" s="1" t="s">
        <v>422</v>
      </c>
      <c r="O19" s="1" t="s">
        <v>423</v>
      </c>
      <c r="P19" s="1" t="s">
        <v>484</v>
      </c>
      <c r="Q19" s="1" t="s">
        <v>86</v>
      </c>
      <c r="R19" s="1" t="s">
        <v>92</v>
      </c>
      <c r="S19" s="1" t="s">
        <v>113</v>
      </c>
      <c r="T19" s="1" t="s">
        <v>38</v>
      </c>
      <c r="U19" s="1">
        <v>11.4</v>
      </c>
      <c r="V19" s="3">
        <v>4900</v>
      </c>
      <c r="W19" s="1"/>
      <c r="X19" s="1">
        <v>3.1</v>
      </c>
      <c r="Y19" s="1">
        <v>7.2999999999999995E-2</v>
      </c>
      <c r="Z19" s="1">
        <v>8.0000000000000002E-3</v>
      </c>
      <c r="AA19" s="1" t="s">
        <v>644</v>
      </c>
      <c r="AB19" s="1" t="s">
        <v>672</v>
      </c>
      <c r="AC19" s="1"/>
      <c r="AD19" s="1"/>
      <c r="AE19" s="1"/>
      <c r="AF19" s="1"/>
      <c r="AG19" s="1"/>
      <c r="AH19" s="1"/>
      <c r="AI19" s="1"/>
      <c r="AJ19" s="1"/>
      <c r="AK19" s="1"/>
      <c r="AL19" s="1"/>
      <c r="AM19" s="1"/>
      <c r="AN19" s="1"/>
      <c r="AO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  <c r="BB19" s="1">
        <v>0.03</v>
      </c>
      <c r="BC19" s="1">
        <v>2.7</v>
      </c>
      <c r="BD19" s="1">
        <v>2.7</v>
      </c>
      <c r="BE19" s="1"/>
      <c r="BF19" s="1"/>
      <c r="BG19" s="1"/>
      <c r="BH19" s="1"/>
      <c r="BI19" s="1"/>
      <c r="BJ19" s="1"/>
      <c r="BK19" s="1"/>
      <c r="BL19" s="1"/>
      <c r="BM19" s="1">
        <v>0.08</v>
      </c>
      <c r="BN19" s="1">
        <v>5.8999999999999997E-2</v>
      </c>
      <c r="BO19" s="1">
        <v>38</v>
      </c>
      <c r="BP19" s="1">
        <v>30</v>
      </c>
      <c r="BQ19" s="1"/>
      <c r="BR19" s="1"/>
      <c r="BS19" s="1"/>
      <c r="BT19" s="1"/>
      <c r="BU19" s="1"/>
      <c r="BV19" s="1"/>
      <c r="BW19" s="1"/>
      <c r="BX19" s="1"/>
      <c r="BY19" s="1"/>
      <c r="BZ19" s="1"/>
    </row>
    <row r="20" spans="1:78" x14ac:dyDescent="0.15">
      <c r="B20" s="2">
        <v>0.86805555555555547</v>
      </c>
      <c r="C20" s="1" t="s">
        <v>593</v>
      </c>
      <c r="D20" s="1" t="s">
        <v>45</v>
      </c>
      <c r="E20" s="1" t="s">
        <v>417</v>
      </c>
      <c r="F20" s="1" t="s">
        <v>492</v>
      </c>
      <c r="G20" s="1" t="s">
        <v>348</v>
      </c>
      <c r="H20" s="1" t="s">
        <v>61</v>
      </c>
      <c r="I20" s="1" t="s">
        <v>528</v>
      </c>
      <c r="J20" s="1" t="s">
        <v>420</v>
      </c>
      <c r="K20" s="1" t="s">
        <v>421</v>
      </c>
      <c r="N20" s="1" t="s">
        <v>422</v>
      </c>
      <c r="P20" s="1" t="s">
        <v>484</v>
      </c>
      <c r="Q20" s="1" t="s">
        <v>79</v>
      </c>
      <c r="R20" s="1" t="s">
        <v>87</v>
      </c>
      <c r="S20" s="1" t="s">
        <v>101</v>
      </c>
      <c r="T20" s="1" t="s">
        <v>43</v>
      </c>
      <c r="U20" s="1">
        <v>10.5</v>
      </c>
      <c r="V20" s="1"/>
      <c r="W20" s="1"/>
      <c r="X20" s="1">
        <v>3.9</v>
      </c>
      <c r="Y20" s="1">
        <v>0.2</v>
      </c>
      <c r="Z20" s="1"/>
      <c r="AA20" s="1" t="s">
        <v>646</v>
      </c>
      <c r="AB20" s="1" t="s">
        <v>646</v>
      </c>
      <c r="AC20" s="1"/>
      <c r="AD20" s="1"/>
      <c r="AE20" s="1"/>
      <c r="AF20" s="1"/>
      <c r="AG20" s="1"/>
      <c r="AH20" s="1"/>
      <c r="AI20" s="1"/>
      <c r="AJ20" s="1"/>
      <c r="AK20" s="1"/>
      <c r="AL20" s="1"/>
      <c r="AM20" s="1"/>
      <c r="AN20" s="1"/>
      <c r="AO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  <c r="BB20" s="1"/>
      <c r="BC20" s="1"/>
      <c r="BD20" s="1"/>
      <c r="BE20" s="1"/>
      <c r="BF20" s="1"/>
      <c r="BG20" s="1"/>
      <c r="BH20" s="1"/>
      <c r="BI20" s="1"/>
      <c r="BJ20" s="1"/>
      <c r="BK20" s="1"/>
      <c r="BL20" s="1"/>
      <c r="BM20" s="1"/>
      <c r="BN20" s="1"/>
      <c r="BO20" s="1">
        <v>38</v>
      </c>
      <c r="BP20" s="1">
        <v>36</v>
      </c>
      <c r="BQ20" s="1"/>
      <c r="BR20" s="1"/>
      <c r="BS20" s="1"/>
      <c r="BT20" s="1"/>
      <c r="BU20" s="1"/>
      <c r="BV20" s="1"/>
      <c r="BW20" s="1"/>
      <c r="BX20" s="1"/>
      <c r="BY20" s="1"/>
      <c r="BZ20" s="1"/>
    </row>
    <row r="21" spans="1:78" x14ac:dyDescent="0.15">
      <c r="A21" s="1" t="s">
        <v>136</v>
      </c>
      <c r="B21" s="2">
        <v>0.35416666666666669</v>
      </c>
      <c r="C21" s="1" t="s">
        <v>593</v>
      </c>
      <c r="D21" s="1" t="s">
        <v>429</v>
      </c>
      <c r="E21" s="1" t="s">
        <v>417</v>
      </c>
      <c r="F21" s="1" t="s">
        <v>308</v>
      </c>
      <c r="G21" s="1" t="s">
        <v>63</v>
      </c>
      <c r="H21" s="1" t="s">
        <v>529</v>
      </c>
      <c r="I21" s="1" t="s">
        <v>268</v>
      </c>
      <c r="J21" s="1" t="s">
        <v>420</v>
      </c>
      <c r="K21" s="1" t="s">
        <v>530</v>
      </c>
      <c r="L21" s="1" t="s">
        <v>33</v>
      </c>
      <c r="N21" s="1" t="s">
        <v>422</v>
      </c>
      <c r="O21" s="1" t="s">
        <v>423</v>
      </c>
      <c r="P21" s="1" t="s">
        <v>484</v>
      </c>
      <c r="Q21" s="1" t="s">
        <v>499</v>
      </c>
      <c r="R21" s="1" t="s">
        <v>92</v>
      </c>
      <c r="S21" s="1" t="s">
        <v>124</v>
      </c>
      <c r="T21" s="1" t="s">
        <v>114</v>
      </c>
      <c r="U21" s="1">
        <v>12.4</v>
      </c>
      <c r="V21" s="3">
        <v>23000</v>
      </c>
      <c r="W21" s="1"/>
      <c r="X21" s="1">
        <v>3</v>
      </c>
      <c r="Y21" s="1">
        <v>0.18</v>
      </c>
      <c r="Z21" s="1">
        <v>8.0000000000000002E-3</v>
      </c>
      <c r="AA21" s="1" t="s">
        <v>644</v>
      </c>
      <c r="AB21" s="1" t="s">
        <v>673</v>
      </c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  <c r="BB21" s="1">
        <v>0.04</v>
      </c>
      <c r="BC21" s="1">
        <v>2.7</v>
      </c>
      <c r="BD21" s="1">
        <v>2.7</v>
      </c>
      <c r="BE21" s="1"/>
      <c r="BF21" s="1"/>
      <c r="BG21" s="1"/>
      <c r="BH21" s="1"/>
      <c r="BI21" s="1"/>
      <c r="BJ21" s="1"/>
      <c r="BK21" s="1"/>
      <c r="BL21" s="1"/>
      <c r="BM21" s="1">
        <v>0.12</v>
      </c>
      <c r="BN21" s="1">
        <v>5.7000000000000002E-2</v>
      </c>
      <c r="BO21" s="1">
        <v>42</v>
      </c>
      <c r="BP21" s="1">
        <v>40</v>
      </c>
      <c r="BQ21" s="1"/>
      <c r="BR21" s="1"/>
      <c r="BS21" s="1"/>
      <c r="BT21" s="1"/>
      <c r="BU21" s="1"/>
      <c r="BV21" s="1"/>
      <c r="BW21" s="1"/>
      <c r="BX21" s="1"/>
      <c r="BY21" s="1"/>
      <c r="BZ21" s="1"/>
    </row>
    <row r="22" spans="1:78" x14ac:dyDescent="0.15">
      <c r="B22" s="2">
        <v>0.85416666666666663</v>
      </c>
      <c r="C22" s="1" t="s">
        <v>593</v>
      </c>
      <c r="D22" s="1" t="s">
        <v>429</v>
      </c>
      <c r="E22" s="1" t="s">
        <v>417</v>
      </c>
      <c r="F22" s="1" t="s">
        <v>143</v>
      </c>
      <c r="G22" s="1" t="s">
        <v>325</v>
      </c>
      <c r="H22" s="1" t="s">
        <v>91</v>
      </c>
      <c r="I22" s="1" t="s">
        <v>522</v>
      </c>
      <c r="J22" s="1" t="s">
        <v>420</v>
      </c>
      <c r="K22" s="1" t="s">
        <v>421</v>
      </c>
      <c r="N22" s="1" t="s">
        <v>422</v>
      </c>
      <c r="P22" s="1" t="s">
        <v>302</v>
      </c>
      <c r="Q22" s="1" t="s">
        <v>79</v>
      </c>
      <c r="R22" s="1" t="s">
        <v>424</v>
      </c>
      <c r="S22" s="1" t="s">
        <v>137</v>
      </c>
      <c r="T22" s="1" t="s">
        <v>43</v>
      </c>
      <c r="U22" s="1">
        <v>11.6</v>
      </c>
      <c r="V22" s="1"/>
      <c r="W22" s="1"/>
      <c r="X22" s="1">
        <v>4.5</v>
      </c>
      <c r="Y22" s="1">
        <v>0.23</v>
      </c>
      <c r="Z22" s="1"/>
      <c r="AA22" s="1" t="s">
        <v>646</v>
      </c>
      <c r="AB22" s="1" t="s">
        <v>646</v>
      </c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  <c r="BB22" s="1"/>
      <c r="BC22" s="1"/>
      <c r="BD22" s="1"/>
      <c r="BE22" s="1"/>
      <c r="BF22" s="1"/>
      <c r="BG22" s="1"/>
      <c r="BH22" s="1"/>
      <c r="BI22" s="1"/>
      <c r="BJ22" s="1"/>
      <c r="BK22" s="1"/>
      <c r="BL22" s="1"/>
      <c r="BM22" s="1"/>
      <c r="BN22" s="1"/>
      <c r="BO22" s="1">
        <v>37</v>
      </c>
      <c r="BP22" s="1">
        <v>36</v>
      </c>
      <c r="BQ22" s="1"/>
      <c r="BR22" s="1"/>
      <c r="BS22" s="1"/>
      <c r="BT22" s="1"/>
      <c r="BU22" s="1"/>
      <c r="BV22" s="1"/>
      <c r="BW22" s="1"/>
      <c r="BX22" s="1"/>
      <c r="BY22" s="1"/>
      <c r="BZ22" s="1"/>
    </row>
    <row r="23" spans="1:78" x14ac:dyDescent="0.15">
      <c r="A23" s="1" t="s">
        <v>465</v>
      </c>
      <c r="B23" s="2">
        <v>0.37847222222222227</v>
      </c>
      <c r="C23" s="1" t="s">
        <v>593</v>
      </c>
      <c r="D23" s="1" t="s">
        <v>27</v>
      </c>
      <c r="E23" s="1" t="s">
        <v>599</v>
      </c>
      <c r="F23" s="1" t="s">
        <v>325</v>
      </c>
      <c r="G23" s="1" t="s">
        <v>311</v>
      </c>
      <c r="H23" s="1" t="s">
        <v>227</v>
      </c>
      <c r="I23" s="1" t="s">
        <v>85</v>
      </c>
      <c r="J23" s="1" t="s">
        <v>420</v>
      </c>
      <c r="K23" s="1" t="s">
        <v>421</v>
      </c>
      <c r="L23" s="1" t="s">
        <v>33</v>
      </c>
      <c r="N23" s="1" t="s">
        <v>422</v>
      </c>
      <c r="O23" s="1" t="s">
        <v>423</v>
      </c>
      <c r="P23" s="1" t="s">
        <v>484</v>
      </c>
      <c r="Q23" s="1" t="s">
        <v>499</v>
      </c>
      <c r="R23" s="1" t="s">
        <v>424</v>
      </c>
      <c r="S23" s="1" t="s">
        <v>443</v>
      </c>
      <c r="T23" s="1" t="s">
        <v>43</v>
      </c>
      <c r="U23" s="1">
        <v>11.8</v>
      </c>
      <c r="V23" s="3">
        <v>11000</v>
      </c>
      <c r="W23" s="1" t="s">
        <v>611</v>
      </c>
      <c r="X23" s="1">
        <v>4.5999999999999996</v>
      </c>
      <c r="Y23" s="1">
        <v>0.37</v>
      </c>
      <c r="Z23" s="1">
        <v>1.2E-2</v>
      </c>
      <c r="AA23" s="1" t="s">
        <v>644</v>
      </c>
      <c r="AB23" s="1" t="s">
        <v>674</v>
      </c>
      <c r="AC23" s="1" t="s">
        <v>606</v>
      </c>
      <c r="AD23" s="1" t="s">
        <v>607</v>
      </c>
      <c r="AE23" s="1" t="s">
        <v>609</v>
      </c>
      <c r="AF23" s="1" t="s">
        <v>612</v>
      </c>
      <c r="AG23" s="1" t="s">
        <v>609</v>
      </c>
      <c r="AH23" s="1" t="s">
        <v>613</v>
      </c>
      <c r="AI23" s="1"/>
      <c r="AJ23" s="1" t="s">
        <v>613</v>
      </c>
      <c r="AK23" s="1" t="s">
        <v>614</v>
      </c>
      <c r="AL23" s="1" t="s">
        <v>614</v>
      </c>
      <c r="AM23" s="1" t="s">
        <v>614</v>
      </c>
      <c r="AN23" s="1" t="s">
        <v>614</v>
      </c>
      <c r="AO23" s="1" t="s">
        <v>614</v>
      </c>
      <c r="AP23" t="s">
        <v>614</v>
      </c>
      <c r="AQ23" s="1" t="s">
        <v>614</v>
      </c>
      <c r="AR23" s="1" t="s">
        <v>614</v>
      </c>
      <c r="AS23" s="1" t="s">
        <v>614</v>
      </c>
      <c r="AT23" s="1" t="s">
        <v>610</v>
      </c>
      <c r="AU23" s="1"/>
      <c r="AV23" s="1"/>
      <c r="AW23" s="1"/>
      <c r="AX23" s="1" t="s">
        <v>614</v>
      </c>
      <c r="AY23" s="1" t="s">
        <v>620</v>
      </c>
      <c r="AZ23" s="1" t="s">
        <v>621</v>
      </c>
      <c r="BA23" s="1">
        <v>0.04</v>
      </c>
      <c r="BB23" s="1">
        <v>0.03</v>
      </c>
      <c r="BC23" s="1">
        <v>4.3</v>
      </c>
      <c r="BD23" s="1">
        <v>4.3</v>
      </c>
      <c r="BE23" s="1" t="s">
        <v>609</v>
      </c>
      <c r="BF23" s="1" t="s">
        <v>609</v>
      </c>
      <c r="BG23" s="1" t="s">
        <v>619</v>
      </c>
      <c r="BH23" s="1">
        <v>0.09</v>
      </c>
      <c r="BI23" s="1" t="s">
        <v>607</v>
      </c>
      <c r="BJ23" s="1" t="s">
        <v>612</v>
      </c>
      <c r="BK23" s="1" t="s">
        <v>613</v>
      </c>
      <c r="BL23" s="1" t="s">
        <v>626</v>
      </c>
      <c r="BM23" s="1" t="s">
        <v>625</v>
      </c>
      <c r="BN23" s="1">
        <v>0.34</v>
      </c>
      <c r="BO23" s="1">
        <v>38</v>
      </c>
      <c r="BP23" s="1">
        <v>38</v>
      </c>
      <c r="BQ23" s="1"/>
      <c r="BR23" s="1" t="s">
        <v>627</v>
      </c>
      <c r="BS23" s="1" t="s">
        <v>609</v>
      </c>
      <c r="BT23" s="1"/>
      <c r="BU23" s="1"/>
      <c r="BV23" s="1"/>
      <c r="BW23" s="1"/>
      <c r="BX23" s="1"/>
      <c r="BY23" s="1"/>
      <c r="BZ23" s="1"/>
    </row>
    <row r="24" spans="1:78" x14ac:dyDescent="0.15">
      <c r="B24" s="2">
        <v>0.87847222222222221</v>
      </c>
      <c r="C24" s="1" t="s">
        <v>593</v>
      </c>
      <c r="D24" s="1" t="s">
        <v>27</v>
      </c>
      <c r="E24" s="1" t="s">
        <v>599</v>
      </c>
      <c r="F24" s="1" t="s">
        <v>344</v>
      </c>
      <c r="G24" s="1" t="s">
        <v>476</v>
      </c>
      <c r="H24" s="1" t="s">
        <v>220</v>
      </c>
      <c r="I24" s="1" t="s">
        <v>126</v>
      </c>
      <c r="J24" s="1" t="s">
        <v>420</v>
      </c>
      <c r="K24" s="1" t="s">
        <v>421</v>
      </c>
      <c r="N24" s="1" t="s">
        <v>422</v>
      </c>
      <c r="P24" s="1" t="s">
        <v>302</v>
      </c>
      <c r="Q24" s="1" t="s">
        <v>311</v>
      </c>
      <c r="R24" s="1" t="s">
        <v>424</v>
      </c>
      <c r="S24" s="1" t="s">
        <v>308</v>
      </c>
      <c r="T24" s="1" t="s">
        <v>158</v>
      </c>
      <c r="U24" s="1">
        <v>10.9</v>
      </c>
      <c r="V24" s="1"/>
      <c r="W24" s="1"/>
      <c r="X24" s="1">
        <v>4.5999999999999996</v>
      </c>
      <c r="Y24" s="1">
        <v>0.36</v>
      </c>
      <c r="Z24" s="1"/>
      <c r="AA24" s="1" t="s">
        <v>646</v>
      </c>
      <c r="AB24" s="1" t="s">
        <v>646</v>
      </c>
      <c r="AC24" s="1"/>
      <c r="AD24" s="1"/>
      <c r="AE24" s="1"/>
      <c r="AF24" s="1"/>
      <c r="AG24" s="1"/>
      <c r="AH24" s="1"/>
      <c r="AI24" s="1"/>
      <c r="AJ24" s="1"/>
      <c r="AK24" s="1"/>
      <c r="AL24" s="1"/>
      <c r="AM24" s="1"/>
      <c r="AN24" s="1"/>
      <c r="AO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  <c r="BB24" s="1"/>
      <c r="BC24" s="1"/>
      <c r="BD24" s="1"/>
      <c r="BE24" s="1"/>
      <c r="BF24" s="1"/>
      <c r="BG24" s="1"/>
      <c r="BH24" s="1"/>
      <c r="BI24" s="1"/>
      <c r="BJ24" s="1"/>
      <c r="BK24" s="1"/>
      <c r="BL24" s="1"/>
      <c r="BM24" s="1"/>
      <c r="BN24" s="1"/>
      <c r="BO24" s="1">
        <v>39</v>
      </c>
      <c r="BP24" s="1">
        <v>41</v>
      </c>
      <c r="BQ24" s="1"/>
      <c r="BR24" s="1"/>
      <c r="BS24" s="1"/>
      <c r="BT24" s="1"/>
      <c r="BU24" s="1"/>
      <c r="BV24" s="1"/>
      <c r="BW24" s="1"/>
      <c r="BX24" s="1"/>
      <c r="BY24" s="1"/>
      <c r="BZ24" s="1"/>
    </row>
    <row r="25" spans="1:78" x14ac:dyDescent="0.15">
      <c r="A25" s="1" t="s">
        <v>153</v>
      </c>
      <c r="B25" s="2">
        <v>0.36458333333333331</v>
      </c>
      <c r="C25" s="1" t="s">
        <v>593</v>
      </c>
      <c r="D25" s="1" t="s">
        <v>27</v>
      </c>
      <c r="E25" s="1" t="s">
        <v>599</v>
      </c>
      <c r="F25" s="1" t="s">
        <v>531</v>
      </c>
      <c r="G25" s="1" t="s">
        <v>532</v>
      </c>
      <c r="H25" s="1" t="s">
        <v>503</v>
      </c>
      <c r="I25" s="1" t="s">
        <v>251</v>
      </c>
      <c r="J25" s="1" t="s">
        <v>420</v>
      </c>
      <c r="K25" s="1" t="s">
        <v>421</v>
      </c>
      <c r="L25" s="1" t="s">
        <v>33</v>
      </c>
      <c r="N25" s="1" t="s">
        <v>422</v>
      </c>
      <c r="O25" s="1" t="s">
        <v>423</v>
      </c>
      <c r="P25" s="1" t="s">
        <v>484</v>
      </c>
      <c r="Q25" s="1" t="s">
        <v>94</v>
      </c>
      <c r="R25" s="1" t="s">
        <v>68</v>
      </c>
      <c r="S25" s="1" t="s">
        <v>124</v>
      </c>
      <c r="T25" s="1" t="s">
        <v>43</v>
      </c>
      <c r="U25" s="1">
        <v>10.6</v>
      </c>
      <c r="V25" s="3">
        <v>28000</v>
      </c>
      <c r="W25" s="1"/>
      <c r="X25" s="1">
        <v>2.7</v>
      </c>
      <c r="Y25" s="1">
        <v>0.11</v>
      </c>
      <c r="Z25" s="1">
        <v>1.0999999999999999E-2</v>
      </c>
      <c r="AA25" s="1" t="s">
        <v>644</v>
      </c>
      <c r="AB25" s="1" t="s">
        <v>675</v>
      </c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  <c r="BB25" s="1">
        <v>0.03</v>
      </c>
      <c r="BC25" s="1">
        <v>2.2999999999999998</v>
      </c>
      <c r="BD25" s="1">
        <v>2.2999999999999998</v>
      </c>
      <c r="BE25" s="1"/>
      <c r="BF25" s="1"/>
      <c r="BG25" s="1"/>
      <c r="BH25" s="1"/>
      <c r="BI25" s="1"/>
      <c r="BJ25" s="1"/>
      <c r="BK25" s="1"/>
      <c r="BL25" s="1"/>
      <c r="BM25" s="1">
        <v>0.16</v>
      </c>
      <c r="BN25" s="1">
        <v>0.1</v>
      </c>
      <c r="BO25" s="1">
        <v>28</v>
      </c>
      <c r="BP25" s="1">
        <v>18</v>
      </c>
      <c r="BQ25" s="1"/>
      <c r="BR25" s="1"/>
      <c r="BS25" s="1"/>
      <c r="BT25" s="1"/>
      <c r="BU25" s="1"/>
      <c r="BV25" s="1"/>
      <c r="BW25" s="1"/>
      <c r="BX25" s="1"/>
      <c r="BY25" s="1"/>
      <c r="BZ25" s="1"/>
    </row>
    <row r="26" spans="1:78" x14ac:dyDescent="0.15">
      <c r="B26" s="2">
        <v>0.86458333333333337</v>
      </c>
      <c r="C26" s="1" t="s">
        <v>593</v>
      </c>
      <c r="D26" s="1" t="s">
        <v>27</v>
      </c>
      <c r="E26" s="1" t="s">
        <v>599</v>
      </c>
      <c r="F26" s="1" t="s">
        <v>533</v>
      </c>
      <c r="G26" s="1" t="s">
        <v>534</v>
      </c>
      <c r="H26" s="1" t="s">
        <v>91</v>
      </c>
      <c r="I26" s="1" t="s">
        <v>535</v>
      </c>
      <c r="J26" s="1" t="s">
        <v>420</v>
      </c>
      <c r="K26" s="1" t="s">
        <v>421</v>
      </c>
      <c r="N26" s="1" t="s">
        <v>422</v>
      </c>
      <c r="P26" s="1" t="s">
        <v>484</v>
      </c>
      <c r="Q26" s="1" t="s">
        <v>94</v>
      </c>
      <c r="R26" s="1" t="s">
        <v>92</v>
      </c>
      <c r="S26" s="1" t="s">
        <v>172</v>
      </c>
      <c r="T26" s="1" t="s">
        <v>43</v>
      </c>
      <c r="U26" s="1">
        <v>9.5</v>
      </c>
      <c r="V26" s="1"/>
      <c r="W26" s="1"/>
      <c r="X26" s="1">
        <v>2.8</v>
      </c>
      <c r="Y26" s="1">
        <v>0.12</v>
      </c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  <c r="BB26" s="1"/>
      <c r="BC26" s="1"/>
      <c r="BD26" s="1"/>
      <c r="BE26" s="1"/>
      <c r="BF26" s="1"/>
      <c r="BG26" s="1"/>
      <c r="BH26" s="1"/>
      <c r="BI26" s="1"/>
      <c r="BJ26" s="1"/>
      <c r="BK26" s="1"/>
      <c r="BL26" s="1"/>
      <c r="BM26" s="1"/>
      <c r="BN26" s="1"/>
      <c r="BO26" s="1">
        <v>29</v>
      </c>
      <c r="BP26" s="1">
        <v>19</v>
      </c>
      <c r="BQ26" s="1"/>
      <c r="BR26" s="1"/>
      <c r="BS26" s="1"/>
      <c r="BT26" s="1"/>
      <c r="BU26" s="1"/>
      <c r="BV26" s="1"/>
      <c r="BW26" s="1"/>
      <c r="BX26" s="1"/>
      <c r="BY26" s="1"/>
      <c r="BZ26" s="1"/>
    </row>
    <row r="246" spans="21:21" x14ac:dyDescent="0.15">
      <c r="U246" s="1"/>
    </row>
    <row r="247" spans="21:21" x14ac:dyDescent="0.15">
      <c r="U247" s="1"/>
    </row>
    <row r="248" spans="21:21" x14ac:dyDescent="0.15">
      <c r="U248" s="1"/>
    </row>
    <row r="249" spans="21:21" x14ac:dyDescent="0.15">
      <c r="U249" s="1"/>
    </row>
    <row r="250" spans="21:21" x14ac:dyDescent="0.15">
      <c r="U250" s="1"/>
    </row>
    <row r="251" spans="21:21" x14ac:dyDescent="0.15">
      <c r="U251" s="1"/>
    </row>
    <row r="252" spans="21:21" x14ac:dyDescent="0.15">
      <c r="U252" s="1"/>
    </row>
    <row r="253" spans="21:21" x14ac:dyDescent="0.15">
      <c r="U253" s="1"/>
    </row>
    <row r="254" spans="21:21" x14ac:dyDescent="0.15">
      <c r="U254" s="1"/>
    </row>
    <row r="255" spans="21:21" x14ac:dyDescent="0.15">
      <c r="U255" s="1"/>
    </row>
    <row r="256" spans="21:21" x14ac:dyDescent="0.15">
      <c r="U256" s="1"/>
    </row>
    <row r="257" spans="21:21" x14ac:dyDescent="0.15">
      <c r="U257" s="1"/>
    </row>
    <row r="258" spans="21:21" x14ac:dyDescent="0.15">
      <c r="U258" s="1"/>
    </row>
    <row r="259" spans="21:21" x14ac:dyDescent="0.15">
      <c r="U259" s="1"/>
    </row>
    <row r="260" spans="21:21" x14ac:dyDescent="0.15">
      <c r="U260" s="1"/>
    </row>
    <row r="261" spans="21:21" x14ac:dyDescent="0.15">
      <c r="U261" s="1"/>
    </row>
    <row r="262" spans="21:21" x14ac:dyDescent="0.15">
      <c r="U262" s="1"/>
    </row>
    <row r="263" spans="21:21" x14ac:dyDescent="0.15">
      <c r="U263" s="1"/>
    </row>
    <row r="264" spans="21:21" x14ac:dyDescent="0.15">
      <c r="U264" s="1"/>
    </row>
    <row r="265" spans="21:21" x14ac:dyDescent="0.15">
      <c r="U265" s="1"/>
    </row>
    <row r="266" spans="21:21" x14ac:dyDescent="0.15">
      <c r="U266" s="1"/>
    </row>
    <row r="267" spans="21:21" x14ac:dyDescent="0.15">
      <c r="U267" s="1"/>
    </row>
    <row r="268" spans="21:21" x14ac:dyDescent="0.15">
      <c r="U268" s="1"/>
    </row>
    <row r="269" spans="21:21" x14ac:dyDescent="0.15">
      <c r="U269" s="1"/>
    </row>
    <row r="270" spans="21:21" x14ac:dyDescent="0.15">
      <c r="U270" s="1"/>
    </row>
    <row r="275" spans="21:21" x14ac:dyDescent="0.15">
      <c r="U275" s="1"/>
    </row>
    <row r="276" spans="21:21" x14ac:dyDescent="0.15">
      <c r="U276" s="1"/>
    </row>
    <row r="277" spans="21:21" x14ac:dyDescent="0.15">
      <c r="U277" s="1"/>
    </row>
    <row r="278" spans="21:21" x14ac:dyDescent="0.15">
      <c r="U278" s="1"/>
    </row>
    <row r="279" spans="21:21" x14ac:dyDescent="0.15">
      <c r="U279" s="1"/>
    </row>
    <row r="280" spans="21:21" x14ac:dyDescent="0.15">
      <c r="U280" s="1"/>
    </row>
    <row r="281" spans="21:21" x14ac:dyDescent="0.15">
      <c r="U281" s="1"/>
    </row>
    <row r="282" spans="21:21" x14ac:dyDescent="0.15">
      <c r="U282" s="1"/>
    </row>
    <row r="283" spans="21:21" x14ac:dyDescent="0.15">
      <c r="U283" s="1"/>
    </row>
    <row r="284" spans="21:21" x14ac:dyDescent="0.15">
      <c r="U284" s="1"/>
    </row>
    <row r="285" spans="21:21" x14ac:dyDescent="0.15">
      <c r="U285" s="1"/>
    </row>
    <row r="286" spans="21:21" x14ac:dyDescent="0.15">
      <c r="U286" s="1"/>
    </row>
    <row r="287" spans="21:21" x14ac:dyDescent="0.15">
      <c r="U287" s="1"/>
    </row>
    <row r="292" spans="21:21" x14ac:dyDescent="0.15">
      <c r="U292" s="1"/>
    </row>
    <row r="293" spans="21:21" x14ac:dyDescent="0.15">
      <c r="U293" s="1"/>
    </row>
    <row r="294" spans="21:21" x14ac:dyDescent="0.15">
      <c r="U294" s="1"/>
    </row>
    <row r="295" spans="21:21" x14ac:dyDescent="0.15">
      <c r="U295" s="1"/>
    </row>
    <row r="296" spans="21:21" x14ac:dyDescent="0.15">
      <c r="U296" s="1"/>
    </row>
    <row r="297" spans="21:21" x14ac:dyDescent="0.15">
      <c r="U297" s="1"/>
    </row>
    <row r="298" spans="21:21" x14ac:dyDescent="0.15">
      <c r="U298" s="1"/>
    </row>
    <row r="299" spans="21:21" x14ac:dyDescent="0.15">
      <c r="U299" s="1"/>
    </row>
    <row r="300" spans="21:21" x14ac:dyDescent="0.15">
      <c r="U300" s="1"/>
    </row>
    <row r="301" spans="21:21" x14ac:dyDescent="0.15">
      <c r="U301" s="1"/>
    </row>
    <row r="302" spans="21:21" x14ac:dyDescent="0.15">
      <c r="U302" s="1"/>
    </row>
    <row r="303" spans="21:21" x14ac:dyDescent="0.15">
      <c r="U303" s="1"/>
    </row>
    <row r="304" spans="21:21" x14ac:dyDescent="0.15">
      <c r="U304" s="1"/>
    </row>
    <row r="309" spans="21:21" x14ac:dyDescent="0.15">
      <c r="U309" s="1"/>
    </row>
    <row r="310" spans="21:21" x14ac:dyDescent="0.15">
      <c r="U310" s="1"/>
    </row>
    <row r="311" spans="21:21" x14ac:dyDescent="0.15">
      <c r="U311" s="1"/>
    </row>
    <row r="312" spans="21:21" x14ac:dyDescent="0.15">
      <c r="U312" s="1"/>
    </row>
    <row r="313" spans="21:21" x14ac:dyDescent="0.15">
      <c r="U313" s="1"/>
    </row>
    <row r="314" spans="21:21" x14ac:dyDescent="0.15">
      <c r="U314" s="1"/>
    </row>
    <row r="315" spans="21:21" x14ac:dyDescent="0.15">
      <c r="U315" s="1"/>
    </row>
    <row r="316" spans="21:21" x14ac:dyDescent="0.15">
      <c r="U316" s="1"/>
    </row>
    <row r="317" spans="21:21" x14ac:dyDescent="0.15">
      <c r="U317" s="1"/>
    </row>
    <row r="318" spans="21:21" x14ac:dyDescent="0.15">
      <c r="U318" s="1"/>
    </row>
    <row r="319" spans="21:21" x14ac:dyDescent="0.15">
      <c r="U319" s="1"/>
    </row>
    <row r="320" spans="21:21" x14ac:dyDescent="0.15">
      <c r="U320" s="1"/>
    </row>
    <row r="321" spans="21:21" x14ac:dyDescent="0.15">
      <c r="U321" s="1"/>
    </row>
    <row r="322" spans="21:21" x14ac:dyDescent="0.15">
      <c r="U322" s="1"/>
    </row>
    <row r="323" spans="21:21" x14ac:dyDescent="0.15">
      <c r="U323" s="1"/>
    </row>
    <row r="324" spans="21:21" x14ac:dyDescent="0.15">
      <c r="U324" s="1"/>
    </row>
    <row r="325" spans="21:21" x14ac:dyDescent="0.15">
      <c r="U325" s="1"/>
    </row>
    <row r="326" spans="21:21" x14ac:dyDescent="0.15">
      <c r="U326" s="1"/>
    </row>
    <row r="327" spans="21:21" x14ac:dyDescent="0.15">
      <c r="U327" s="1"/>
    </row>
    <row r="328" spans="21:21" x14ac:dyDescent="0.15">
      <c r="U328" s="1"/>
    </row>
    <row r="329" spans="21:21" x14ac:dyDescent="0.15">
      <c r="U329" s="1"/>
    </row>
    <row r="330" spans="21:21" x14ac:dyDescent="0.15">
      <c r="U330" s="1"/>
    </row>
    <row r="331" spans="21:21" x14ac:dyDescent="0.15">
      <c r="U331" s="1"/>
    </row>
    <row r="332" spans="21:21" x14ac:dyDescent="0.15">
      <c r="U332" s="1"/>
    </row>
    <row r="333" spans="21:21" x14ac:dyDescent="0.15">
      <c r="U333" s="1"/>
    </row>
    <row r="338" spans="21:21" x14ac:dyDescent="0.15">
      <c r="U338" s="1"/>
    </row>
    <row r="339" spans="21:21" x14ac:dyDescent="0.15">
      <c r="U339" s="1"/>
    </row>
    <row r="340" spans="21:21" x14ac:dyDescent="0.15">
      <c r="U340" s="1"/>
    </row>
    <row r="341" spans="21:21" x14ac:dyDescent="0.15">
      <c r="U341" s="1"/>
    </row>
    <row r="342" spans="21:21" x14ac:dyDescent="0.15">
      <c r="U342" s="1"/>
    </row>
    <row r="343" spans="21:21" x14ac:dyDescent="0.15">
      <c r="U343" s="1"/>
    </row>
    <row r="344" spans="21:21" x14ac:dyDescent="0.15">
      <c r="U344" s="1"/>
    </row>
    <row r="345" spans="21:21" x14ac:dyDescent="0.15">
      <c r="U345" s="1"/>
    </row>
    <row r="346" spans="21:21" x14ac:dyDescent="0.15">
      <c r="U346" s="1"/>
    </row>
    <row r="347" spans="21:21" x14ac:dyDescent="0.15">
      <c r="U347" s="1"/>
    </row>
    <row r="348" spans="21:21" x14ac:dyDescent="0.15">
      <c r="U348" s="1"/>
    </row>
    <row r="349" spans="21:21" x14ac:dyDescent="0.15">
      <c r="U349" s="1"/>
    </row>
    <row r="350" spans="21:21" x14ac:dyDescent="0.15">
      <c r="U350" s="1"/>
    </row>
    <row r="355" spans="21:21" x14ac:dyDescent="0.15">
      <c r="U355" s="1"/>
    </row>
    <row r="356" spans="21:21" x14ac:dyDescent="0.15">
      <c r="U356" s="1"/>
    </row>
    <row r="357" spans="21:21" x14ac:dyDescent="0.15">
      <c r="U357" s="1"/>
    </row>
    <row r="358" spans="21:21" x14ac:dyDescent="0.15">
      <c r="U358" s="1"/>
    </row>
    <row r="359" spans="21:21" x14ac:dyDescent="0.15">
      <c r="U359" s="1"/>
    </row>
    <row r="360" spans="21:21" x14ac:dyDescent="0.15">
      <c r="U360" s="1"/>
    </row>
    <row r="361" spans="21:21" x14ac:dyDescent="0.15">
      <c r="U361" s="1"/>
    </row>
    <row r="362" spans="21:21" x14ac:dyDescent="0.15">
      <c r="U362" s="1"/>
    </row>
    <row r="363" spans="21:21" x14ac:dyDescent="0.15">
      <c r="U363" s="1"/>
    </row>
    <row r="364" spans="21:21" x14ac:dyDescent="0.15">
      <c r="U364" s="1"/>
    </row>
    <row r="365" spans="21:21" x14ac:dyDescent="0.15">
      <c r="U365" s="1"/>
    </row>
    <row r="366" spans="21:21" x14ac:dyDescent="0.15">
      <c r="U366" s="1"/>
    </row>
    <row r="367" spans="21:21" x14ac:dyDescent="0.15">
      <c r="U367" s="1"/>
    </row>
    <row r="368" spans="21:21" x14ac:dyDescent="0.15">
      <c r="U368" s="1"/>
    </row>
    <row r="369" spans="21:21" x14ac:dyDescent="0.15">
      <c r="U369" s="1"/>
    </row>
    <row r="370" spans="21:21" x14ac:dyDescent="0.15">
      <c r="U370" s="1"/>
    </row>
    <row r="371" spans="21:21" x14ac:dyDescent="0.15">
      <c r="U371" s="1"/>
    </row>
    <row r="372" spans="21:21" x14ac:dyDescent="0.15">
      <c r="U372" s="1"/>
    </row>
    <row r="373" spans="21:21" x14ac:dyDescent="0.15">
      <c r="U373" s="1"/>
    </row>
    <row r="374" spans="21:21" x14ac:dyDescent="0.15">
      <c r="U374" s="1"/>
    </row>
    <row r="375" spans="21:21" x14ac:dyDescent="0.15">
      <c r="U375" s="1"/>
    </row>
    <row r="376" spans="21:21" x14ac:dyDescent="0.15">
      <c r="U376" s="1"/>
    </row>
    <row r="377" spans="21:21" x14ac:dyDescent="0.15">
      <c r="U377" s="1"/>
    </row>
    <row r="378" spans="21:21" x14ac:dyDescent="0.15">
      <c r="U378" s="1"/>
    </row>
    <row r="379" spans="21:21" x14ac:dyDescent="0.15">
      <c r="U379" s="1"/>
    </row>
    <row r="384" spans="21:21" x14ac:dyDescent="0.15">
      <c r="U384" s="1"/>
    </row>
    <row r="385" spans="21:21" x14ac:dyDescent="0.15">
      <c r="U385" s="1"/>
    </row>
    <row r="386" spans="21:21" x14ac:dyDescent="0.15">
      <c r="U386" s="1"/>
    </row>
    <row r="387" spans="21:21" x14ac:dyDescent="0.15">
      <c r="U387" s="1"/>
    </row>
    <row r="388" spans="21:21" x14ac:dyDescent="0.15">
      <c r="U388" s="1"/>
    </row>
    <row r="389" spans="21:21" x14ac:dyDescent="0.15">
      <c r="U389" s="1"/>
    </row>
    <row r="390" spans="21:21" x14ac:dyDescent="0.15">
      <c r="U390" s="1"/>
    </row>
    <row r="391" spans="21:21" x14ac:dyDescent="0.15">
      <c r="U391" s="1"/>
    </row>
    <row r="392" spans="21:21" x14ac:dyDescent="0.15">
      <c r="U392" s="1"/>
    </row>
    <row r="393" spans="21:21" x14ac:dyDescent="0.15">
      <c r="U393" s="1"/>
    </row>
    <row r="394" spans="21:21" x14ac:dyDescent="0.15">
      <c r="U394" s="1"/>
    </row>
    <row r="395" spans="21:21" x14ac:dyDescent="0.15">
      <c r="U395" s="1"/>
    </row>
    <row r="396" spans="21:21" x14ac:dyDescent="0.15">
      <c r="U396" s="1"/>
    </row>
    <row r="397" spans="21:21" x14ac:dyDescent="0.15">
      <c r="U397" s="1"/>
    </row>
    <row r="398" spans="21:21" x14ac:dyDescent="0.15">
      <c r="U398" s="1"/>
    </row>
    <row r="399" spans="21:21" x14ac:dyDescent="0.15">
      <c r="U399" s="1"/>
    </row>
    <row r="400" spans="21:21" x14ac:dyDescent="0.15">
      <c r="U400" s="1"/>
    </row>
    <row r="401" spans="21:21" x14ac:dyDescent="0.15">
      <c r="U401" s="1"/>
    </row>
    <row r="402" spans="21:21" x14ac:dyDescent="0.15">
      <c r="U402" s="1"/>
    </row>
    <row r="403" spans="21:21" x14ac:dyDescent="0.15">
      <c r="U403" s="1"/>
    </row>
    <row r="404" spans="21:21" x14ac:dyDescent="0.15">
      <c r="U404" s="1"/>
    </row>
    <row r="405" spans="21:21" x14ac:dyDescent="0.15">
      <c r="U405" s="1"/>
    </row>
    <row r="406" spans="21:21" x14ac:dyDescent="0.15">
      <c r="U406" s="1"/>
    </row>
    <row r="407" spans="21:21" x14ac:dyDescent="0.15">
      <c r="U407" s="1"/>
    </row>
    <row r="412" spans="21:21" x14ac:dyDescent="0.15">
      <c r="U412" s="1"/>
    </row>
    <row r="413" spans="21:21" x14ac:dyDescent="0.15">
      <c r="U413" s="1"/>
    </row>
    <row r="414" spans="21:21" x14ac:dyDescent="0.15">
      <c r="U414" s="1"/>
    </row>
    <row r="415" spans="21:21" x14ac:dyDescent="0.15">
      <c r="U415" s="1"/>
    </row>
    <row r="416" spans="21:21" x14ac:dyDescent="0.15">
      <c r="U416" s="1"/>
    </row>
    <row r="417" spans="21:21" x14ac:dyDescent="0.15">
      <c r="U417" s="1"/>
    </row>
    <row r="418" spans="21:21" x14ac:dyDescent="0.15">
      <c r="U418" s="1"/>
    </row>
    <row r="419" spans="21:21" x14ac:dyDescent="0.15">
      <c r="U419" s="1"/>
    </row>
    <row r="420" spans="21:21" x14ac:dyDescent="0.15">
      <c r="U420" s="1"/>
    </row>
    <row r="421" spans="21:21" x14ac:dyDescent="0.15">
      <c r="U421" s="1"/>
    </row>
    <row r="422" spans="21:21" x14ac:dyDescent="0.15">
      <c r="U422" s="1"/>
    </row>
    <row r="423" spans="21:21" x14ac:dyDescent="0.15">
      <c r="U423" s="1"/>
    </row>
    <row r="424" spans="21:21" x14ac:dyDescent="0.15">
      <c r="U424" s="1"/>
    </row>
    <row r="425" spans="21:21" x14ac:dyDescent="0.15">
      <c r="U425" s="1"/>
    </row>
    <row r="426" spans="21:21" x14ac:dyDescent="0.15">
      <c r="U426" s="1"/>
    </row>
    <row r="427" spans="21:21" x14ac:dyDescent="0.15">
      <c r="U427" s="1"/>
    </row>
    <row r="428" spans="21:21" x14ac:dyDescent="0.15">
      <c r="U428" s="1"/>
    </row>
    <row r="429" spans="21:21" x14ac:dyDescent="0.15">
      <c r="U429" s="1"/>
    </row>
    <row r="430" spans="21:21" x14ac:dyDescent="0.15">
      <c r="U430" s="1"/>
    </row>
    <row r="431" spans="21:21" x14ac:dyDescent="0.15">
      <c r="U431" s="1"/>
    </row>
    <row r="432" spans="21:21" x14ac:dyDescent="0.15">
      <c r="U432" s="1"/>
    </row>
    <row r="433" spans="21:21" x14ac:dyDescent="0.15">
      <c r="U433" s="1"/>
    </row>
    <row r="434" spans="21:21" x14ac:dyDescent="0.15">
      <c r="U434" s="1"/>
    </row>
    <row r="435" spans="21:21" x14ac:dyDescent="0.15">
      <c r="U435" s="1"/>
    </row>
    <row r="440" spans="21:21" x14ac:dyDescent="0.15">
      <c r="U440" s="1"/>
    </row>
    <row r="441" spans="21:21" x14ac:dyDescent="0.15">
      <c r="U441" s="1"/>
    </row>
    <row r="442" spans="21:21" x14ac:dyDescent="0.15">
      <c r="U442" s="1"/>
    </row>
    <row r="443" spans="21:21" x14ac:dyDescent="0.15">
      <c r="U443" s="1"/>
    </row>
    <row r="444" spans="21:21" x14ac:dyDescent="0.15">
      <c r="U444" s="1"/>
    </row>
    <row r="445" spans="21:21" x14ac:dyDescent="0.15">
      <c r="U445" s="1"/>
    </row>
    <row r="446" spans="21:21" x14ac:dyDescent="0.15">
      <c r="U446" s="1"/>
    </row>
    <row r="447" spans="21:21" x14ac:dyDescent="0.15">
      <c r="U447" s="1"/>
    </row>
    <row r="448" spans="21:21" x14ac:dyDescent="0.15">
      <c r="U448" s="1"/>
    </row>
    <row r="449" spans="21:21" x14ac:dyDescent="0.15">
      <c r="U449" s="1"/>
    </row>
    <row r="450" spans="21:21" x14ac:dyDescent="0.15">
      <c r="U450" s="1"/>
    </row>
    <row r="451" spans="21:21" x14ac:dyDescent="0.15">
      <c r="U451" s="1"/>
    </row>
    <row r="452" spans="21:21" x14ac:dyDescent="0.15">
      <c r="U452" s="1"/>
    </row>
    <row r="453" spans="21:21" x14ac:dyDescent="0.15">
      <c r="U453" s="1"/>
    </row>
    <row r="454" spans="21:21" x14ac:dyDescent="0.15">
      <c r="U454" s="1"/>
    </row>
    <row r="455" spans="21:21" x14ac:dyDescent="0.15">
      <c r="U455" s="1"/>
    </row>
    <row r="456" spans="21:21" x14ac:dyDescent="0.15">
      <c r="U456" s="1"/>
    </row>
    <row r="457" spans="21:21" x14ac:dyDescent="0.15">
      <c r="U457" s="1"/>
    </row>
    <row r="458" spans="21:21" x14ac:dyDescent="0.15">
      <c r="U458" s="1"/>
    </row>
    <row r="459" spans="21:21" x14ac:dyDescent="0.15">
      <c r="U459" s="1"/>
    </row>
    <row r="460" spans="21:21" x14ac:dyDescent="0.15">
      <c r="U460" s="1"/>
    </row>
    <row r="461" spans="21:21" x14ac:dyDescent="0.15">
      <c r="U461" s="1"/>
    </row>
    <row r="462" spans="21:21" x14ac:dyDescent="0.15">
      <c r="U462" s="1"/>
    </row>
    <row r="463" spans="21:21" x14ac:dyDescent="0.15">
      <c r="U463" s="1"/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9</vt:i4>
      </vt:variant>
    </vt:vector>
  </HeadingPairs>
  <TitlesOfParts>
    <vt:vector size="9" baseType="lpstr">
      <vt:lpstr>多摩川原橋</vt:lpstr>
      <vt:lpstr>多摩水道橋</vt:lpstr>
      <vt:lpstr>二子橋（第三京浜）</vt:lpstr>
      <vt:lpstr>田園調布取水堰（上）</vt:lpstr>
      <vt:lpstr>六郷橋</vt:lpstr>
      <vt:lpstr>大師橋</vt:lpstr>
      <vt:lpstr>一の橋</vt:lpstr>
      <vt:lpstr>堰前橋</vt:lpstr>
      <vt:lpstr>平瀬橋（人道橋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12-26T09:02:56Z</dcterms:created>
  <dcterms:modified xsi:type="dcterms:W3CDTF">2020-03-21T07:10:10Z</dcterms:modified>
</cp:coreProperties>
</file>